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1_Kompletná škála embolektomických, trombektomických a oklúznych katétrov\06. Josephine\01. Výzva na predloženie CP\"/>
    </mc:Choice>
  </mc:AlternateContent>
  <bookViews>
    <workbookView xWindow="0" yWindow="0" windowWidth="28800" windowHeight="11985" tabRatio="727"/>
  </bookViews>
  <sheets>
    <sheet name="Príloha č. 1 " sheetId="26" r:id="rId1"/>
    <sheet name="Príloha č. 2" sheetId="25" r:id="rId2"/>
    <sheet name="Príloha č.3" sheetId="13" r:id="rId3"/>
  </sheets>
  <externalReferences>
    <externalReference r:id="rId4"/>
    <externalReference r:id="rId5"/>
  </externalReferences>
  <definedNames>
    <definedName name="_xlnm.Print_Area" localSheetId="0">'Príloha č. 1 '!$A$1:$G$147</definedName>
    <definedName name="_xlnm.Print_Area" localSheetId="1">'Príloha č. 2'!$A$1:$K$59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46" i="26" l="1"/>
  <c r="B145" i="26"/>
  <c r="B144" i="26"/>
  <c r="E142" i="26"/>
  <c r="E141" i="26"/>
  <c r="E140" i="26"/>
  <c r="E139" i="26"/>
  <c r="E137" i="26"/>
  <c r="E136" i="26"/>
  <c r="E135" i="26"/>
  <c r="E134" i="26"/>
  <c r="A2" i="26"/>
  <c r="I58" i="25" l="1"/>
  <c r="B56" i="25"/>
  <c r="B55" i="25"/>
</calcChain>
</file>

<file path=xl/sharedStrings.xml><?xml version="1.0" encoding="utf-8"?>
<sst xmlns="http://schemas.openxmlformats.org/spreadsheetml/2006/main" count="379" uniqueCount="17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Položka č. 1 - Arteriálny embolektomický cievny katéter:</t>
  </si>
  <si>
    <t>1.1</t>
  </si>
  <si>
    <t>latexový povrch balóna,</t>
  </si>
  <si>
    <t>1.2</t>
  </si>
  <si>
    <t>požaduje sa dostatočná flexibilita bez možnosti zalamovania a pevnosť katétra,</t>
  </si>
  <si>
    <t>1.3</t>
  </si>
  <si>
    <t>súčasťou je intraluminálny mandrén pre zavádzanie cez starší tromembolický uzáver,</t>
  </si>
  <si>
    <t>1.4</t>
  </si>
  <si>
    <t>pevné trubicové balenie,</t>
  </si>
  <si>
    <t>1.5</t>
  </si>
  <si>
    <t>požadované rozmery arteriálneho embolektomického katétra:</t>
  </si>
  <si>
    <t>1.5.1</t>
  </si>
  <si>
    <t>typ 1:</t>
  </si>
  <si>
    <t>- veľkosť: 2F</t>
  </si>
  <si>
    <t>- dĺžka: 60 cm</t>
  </si>
  <si>
    <t>1.5.2</t>
  </si>
  <si>
    <t>typ 2:</t>
  </si>
  <si>
    <t>- veľkosť: 3F</t>
  </si>
  <si>
    <t>- dĺžka: 40 cm</t>
  </si>
  <si>
    <t>1.5.3</t>
  </si>
  <si>
    <t>typ 3:</t>
  </si>
  <si>
    <t>- dĺžka: 80 cm</t>
  </si>
  <si>
    <t>1.5.4</t>
  </si>
  <si>
    <t>typ 4:</t>
  </si>
  <si>
    <t>- veľkosť: 4F</t>
  </si>
  <si>
    <t>1.5.5</t>
  </si>
  <si>
    <t>typ 5:</t>
  </si>
  <si>
    <t>1.5.6</t>
  </si>
  <si>
    <t>typ 6:</t>
  </si>
  <si>
    <t>- veľkosť: 5F</t>
  </si>
  <si>
    <t>1.5.7</t>
  </si>
  <si>
    <t>typ 7:</t>
  </si>
  <si>
    <t>- veľkosť: 6F</t>
  </si>
  <si>
    <t>1.5.8</t>
  </si>
  <si>
    <t>typ 8:</t>
  </si>
  <si>
    <t>- veľkosť: 7F</t>
  </si>
  <si>
    <t>1.6</t>
  </si>
  <si>
    <t>požaduje sa, pre všetky uvedené typy arteriálnych embolektomických cievnych katétrov diameter balóna: 
4-14 mm</t>
  </si>
  <si>
    <t>Položka č. 2 - Arteriálny embolektomický cievny katéter s prídavným lumenom:</t>
  </si>
  <si>
    <t>2.1</t>
  </si>
  <si>
    <t>slúži na angiografické kontroly, preplach ciev a protéz, na aplikáciu trombolytika,</t>
  </si>
  <si>
    <t>2.2</t>
  </si>
  <si>
    <t>poloha kontrolovaná RTG,</t>
  </si>
  <si>
    <t>2.3</t>
  </si>
  <si>
    <t>požadované rozmery arteriálneho embolektomického cievneho katétra s prídavným lumenom:</t>
  </si>
  <si>
    <t>2.3.1</t>
  </si>
  <si>
    <t>2.3.2</t>
  </si>
  <si>
    <t>2.3.3</t>
  </si>
  <si>
    <t>veľkosť: 3F</t>
  </si>
  <si>
    <t>- dĺžka: 120 cm</t>
  </si>
  <si>
    <t>2.3.4</t>
  </si>
  <si>
    <t>2.3.5</t>
  </si>
  <si>
    <t>2.3.6</t>
  </si>
  <si>
    <t>- veľkosť: 5,5F</t>
  </si>
  <si>
    <t>2.3.7</t>
  </si>
  <si>
    <t>2.3.8</t>
  </si>
  <si>
    <t>2.3.9</t>
  </si>
  <si>
    <t>typ 9:</t>
  </si>
  <si>
    <t>2.3.10</t>
  </si>
  <si>
    <t>typ 10:</t>
  </si>
  <si>
    <t>2.4</t>
  </si>
  <si>
    <t>požaduje sa, pre všetky uvedené typy arteriálnych embolektomických katétrov s prídavným lumenom diameter balóna: 4 - 14 mm</t>
  </si>
  <si>
    <t>Položka č. 3 - Venózny trombektobal:</t>
  </si>
  <si>
    <t>3.1</t>
  </si>
  <si>
    <t>3.2</t>
  </si>
  <si>
    <t>požadované rozmery venózneho trombektovalu:</t>
  </si>
  <si>
    <t>- diameter balóna: 12 mm</t>
  </si>
  <si>
    <t>3.2.2</t>
  </si>
  <si>
    <t>- veľkosť: 8F</t>
  </si>
  <si>
    <t>- diameter balóna: 13 mm</t>
  </si>
  <si>
    <t>3.2.3</t>
  </si>
  <si>
    <t>- veľkosť: 10F</t>
  </si>
  <si>
    <t>- diameter balóna: 19 mm</t>
  </si>
  <si>
    <t>Položka č. 4 - Trombektobal pre cievne protézy:</t>
  </si>
  <si>
    <t>4.1</t>
  </si>
  <si>
    <t>pružná kovová špička bez rizika zalomenia,</t>
  </si>
  <si>
    <t>4.2</t>
  </si>
  <si>
    <t>bez rizika poškodenia protézy,</t>
  </si>
  <si>
    <t>4.3</t>
  </si>
  <si>
    <t>požadované rozmery trombektobalu pre cievne protézy:</t>
  </si>
  <si>
    <t>4.3.1</t>
  </si>
  <si>
    <t>- dĺžka: 50 cm</t>
  </si>
  <si>
    <t>4.3.2</t>
  </si>
  <si>
    <t>Položka č. 5 - Cievny katéter pre transluminálne použitie v periférnej vaskulatúre:</t>
  </si>
  <si>
    <t>5.1</t>
  </si>
  <si>
    <t>kovová špirála s latexovým krytím</t>
  </si>
  <si>
    <t>5.2</t>
  </si>
  <si>
    <t>požadované rozmery cievného katétra pre transluminálne použitie v periférnej vaskulatúre:</t>
  </si>
  <si>
    <t>5.2.1</t>
  </si>
  <si>
    <t>- diameter špirály: 6 mm</t>
  </si>
  <si>
    <t>5.2.2</t>
  </si>
  <si>
    <t>- diameter špirály: 8 mm</t>
  </si>
  <si>
    <t>5.2.3</t>
  </si>
  <si>
    <t>- diameter špirály: 10 mm</t>
  </si>
  <si>
    <t>Položka č. 6 - Oklúzny katéter:</t>
  </si>
  <si>
    <t>6.1</t>
  </si>
  <si>
    <t>6.2</t>
  </si>
  <si>
    <t>6.2.1</t>
  </si>
  <si>
    <t>- diameter balóna: 5 mm</t>
  </si>
  <si>
    <t>6.2.2</t>
  </si>
  <si>
    <t>- diameter balóna: 9 mm</t>
  </si>
  <si>
    <t>6.2.3</t>
  </si>
  <si>
    <t>- diameter balóna: 11 mm</t>
  </si>
  <si>
    <t>6.2.4</t>
  </si>
  <si>
    <t>- diameter balóna: 28 mm, 45 mm</t>
  </si>
  <si>
    <t>Položka č. 1 - Arteriálny embolektomický cievny katéter</t>
  </si>
  <si>
    <t>Položka č. 2 - Arteriálny embolektomický cievny katéter s prídavným lumenom</t>
  </si>
  <si>
    <t>Položka č. 3 - Venózny trombektobal</t>
  </si>
  <si>
    <t>Položka č. 4 - Trombektobal pre cievne protézy</t>
  </si>
  <si>
    <t>Položka č. 5 - Cievny katéter pre transluminálne použitie v periférnej vaskulatúre</t>
  </si>
  <si>
    <t>Položka č. 6 - Oklúzny katéter</t>
  </si>
  <si>
    <t>Uchádzač je povinný produkt s najvyššou zmluvnou jednotkovou cenou bez DPH uvedený u príslušnej položky viditeľne označíť (žltým podfarbením celého riadku).</t>
  </si>
  <si>
    <t>Kompletná škála embolektomických, trombektomických a oklúznych katétrov</t>
  </si>
  <si>
    <t>obsahuje mäkkú špičku umožňujúcu prienik cez chlopňový systém,</t>
  </si>
  <si>
    <t>slúži na uzáver ciev rozličného kalibru vrátane aortym,</t>
  </si>
  <si>
    <t>požadované rozmery oklúzneho cievneho katétr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dotted">
        <color auto="1"/>
      </top>
      <bottom style="thin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0" fontId="2" fillId="0" borderId="14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45" xfId="0" applyFont="1" applyBorder="1" applyAlignment="1" applyProtection="1">
      <alignment horizontal="center" vertical="center" wrapText="1"/>
      <protection locked="0"/>
    </xf>
    <xf numFmtId="0" fontId="16" fillId="0" borderId="46" xfId="0" applyFont="1" applyBorder="1" applyAlignment="1" applyProtection="1">
      <alignment horizontal="center" vertical="center" wrapText="1"/>
      <protection locked="0"/>
    </xf>
    <xf numFmtId="0" fontId="16" fillId="2" borderId="47" xfId="0" applyFont="1" applyFill="1" applyBorder="1" applyAlignment="1" applyProtection="1">
      <alignment horizontal="center" vertical="top" wrapText="1"/>
      <protection locked="0"/>
    </xf>
    <xf numFmtId="0" fontId="16" fillId="2" borderId="23" xfId="0" applyFont="1" applyFill="1" applyBorder="1" applyAlignment="1" applyProtection="1">
      <alignment horizontal="center" vertical="top" wrapText="1"/>
      <protection locked="0"/>
    </xf>
    <xf numFmtId="0" fontId="16" fillId="2" borderId="48" xfId="0" applyFont="1" applyFill="1" applyBorder="1" applyAlignment="1" applyProtection="1">
      <alignment horizontal="center" vertical="top" wrapText="1"/>
      <protection locked="0"/>
    </xf>
    <xf numFmtId="0" fontId="16" fillId="2" borderId="49" xfId="0" applyFont="1" applyFill="1" applyBorder="1" applyAlignment="1" applyProtection="1">
      <alignment horizontal="center" vertical="top" wrapText="1"/>
      <protection locked="0"/>
    </xf>
    <xf numFmtId="0" fontId="16" fillId="2" borderId="50" xfId="0" applyFont="1" applyFill="1" applyBorder="1" applyAlignment="1" applyProtection="1">
      <alignment horizontal="center" vertical="center" wrapText="1"/>
      <protection locked="0"/>
    </xf>
    <xf numFmtId="0" fontId="16" fillId="2" borderId="48" xfId="0" applyFont="1" applyFill="1" applyBorder="1" applyAlignment="1" applyProtection="1">
      <alignment horizontal="center" vertical="center" wrapText="1"/>
      <protection locked="0"/>
    </xf>
    <xf numFmtId="0" fontId="16" fillId="2" borderId="51" xfId="0" applyFont="1" applyFill="1" applyBorder="1" applyAlignment="1" applyProtection="1">
      <alignment horizontal="center" vertical="center" wrapText="1"/>
      <protection locked="0"/>
    </xf>
    <xf numFmtId="0" fontId="16" fillId="2" borderId="52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70" xfId="0" applyNumberFormat="1" applyFont="1" applyFill="1" applyBorder="1" applyAlignment="1">
      <alignment horizontal="center" vertical="top" wrapText="1"/>
    </xf>
    <xf numFmtId="49" fontId="19" fillId="3" borderId="79" xfId="0" applyNumberFormat="1" applyFont="1" applyFill="1" applyBorder="1" applyAlignment="1">
      <alignment horizontal="center" vertical="top" wrapText="1"/>
    </xf>
    <xf numFmtId="49" fontId="1" fillId="0" borderId="62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81" xfId="0" applyFont="1" applyBorder="1" applyAlignment="1" applyProtection="1">
      <alignment horizontal="center" vertical="center" wrapText="1"/>
      <protection locked="0"/>
    </xf>
    <xf numFmtId="0" fontId="16" fillId="2" borderId="47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9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165" fontId="16" fillId="0" borderId="62" xfId="0" applyNumberFormat="1" applyFont="1" applyBorder="1" applyAlignment="1" applyProtection="1">
      <alignment horizontal="right" vertical="center" wrapText="1"/>
      <protection locked="0"/>
    </xf>
    <xf numFmtId="9" fontId="16" fillId="0" borderId="63" xfId="0" applyNumberFormat="1" applyFont="1" applyBorder="1" applyAlignment="1" applyProtection="1">
      <alignment horizontal="center" vertical="center" wrapText="1"/>
      <protection locked="0"/>
    </xf>
    <xf numFmtId="165" fontId="16" fillId="0" borderId="64" xfId="0" applyNumberFormat="1" applyFont="1" applyBorder="1" applyAlignment="1" applyProtection="1">
      <alignment horizontal="right" vertical="center" wrapText="1"/>
      <protection locked="0"/>
    </xf>
    <xf numFmtId="165" fontId="16" fillId="0" borderId="70" xfId="0" applyNumberFormat="1" applyFont="1" applyBorder="1" applyAlignment="1" applyProtection="1">
      <alignment horizontal="right" vertical="center" wrapText="1"/>
      <protection locked="0"/>
    </xf>
    <xf numFmtId="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7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82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4" fillId="0" borderId="56" xfId="0" applyNumberFormat="1" applyFont="1" applyBorder="1" applyAlignment="1">
      <alignment horizontal="center" vertical="center" wrapText="1"/>
    </xf>
    <xf numFmtId="49" fontId="4" fillId="0" borderId="56" xfId="0" applyNumberFormat="1" applyFont="1" applyBorder="1" applyAlignment="1">
      <alignment horizontal="right" vertical="center" wrapText="1"/>
    </xf>
    <xf numFmtId="49" fontId="4" fillId="0" borderId="62" xfId="0" applyNumberFormat="1" applyFont="1" applyBorder="1" applyAlignment="1">
      <alignment horizontal="center" vertical="center" wrapText="1"/>
    </xf>
    <xf numFmtId="49" fontId="4" fillId="0" borderId="62" xfId="0" applyNumberFormat="1" applyFont="1" applyBorder="1" applyAlignment="1">
      <alignment horizontal="right" vertical="center" wrapText="1"/>
    </xf>
    <xf numFmtId="49" fontId="4" fillId="0" borderId="88" xfId="0" applyNumberFormat="1" applyFont="1" applyBorder="1" applyAlignment="1">
      <alignment horizontal="right" vertical="center" wrapText="1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7" xfId="0" applyNumberFormat="1" applyFont="1" applyFill="1" applyBorder="1" applyAlignment="1">
      <alignment horizontal="left" vertical="center"/>
    </xf>
    <xf numFmtId="0" fontId="1" fillId="0" borderId="28" xfId="0" applyFont="1" applyFill="1" applyBorder="1" applyAlignment="1">
      <alignment horizontal="left" vertical="center" wrapText="1"/>
    </xf>
    <xf numFmtId="0" fontId="1" fillId="0" borderId="29" xfId="0" applyFont="1" applyFill="1" applyBorder="1" applyAlignment="1">
      <alignment horizontal="left" vertical="center" wrapText="1"/>
    </xf>
    <xf numFmtId="0" fontId="1" fillId="0" borderId="83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74" xfId="0" applyNumberFormat="1" applyFont="1" applyFill="1" applyBorder="1" applyAlignment="1">
      <alignment horizontal="left" vertical="top" wrapText="1"/>
    </xf>
    <xf numFmtId="49" fontId="19" fillId="3" borderId="31" xfId="0" applyNumberFormat="1" applyFont="1" applyFill="1" applyBorder="1" applyAlignment="1">
      <alignment horizontal="left" vertical="top" wrapText="1"/>
    </xf>
    <xf numFmtId="49" fontId="19" fillId="3" borderId="77" xfId="0" applyNumberFormat="1" applyFont="1" applyFill="1" applyBorder="1" applyAlignment="1">
      <alignment horizontal="left" vertical="top" wrapText="1"/>
    </xf>
    <xf numFmtId="49" fontId="19" fillId="3" borderId="78" xfId="0" applyNumberFormat="1" applyFont="1" applyFill="1" applyBorder="1" applyAlignment="1">
      <alignment horizontal="left" vertical="top" wrapText="1"/>
    </xf>
    <xf numFmtId="0" fontId="19" fillId="3" borderId="75" xfId="0" applyFont="1" applyFill="1" applyBorder="1" applyAlignment="1">
      <alignment horizontal="center" vertical="top" wrapText="1"/>
    </xf>
    <xf numFmtId="0" fontId="19" fillId="3" borderId="76" xfId="0" applyFont="1" applyFill="1" applyBorder="1" applyAlignment="1">
      <alignment horizontal="center" vertical="top" wrapText="1"/>
    </xf>
    <xf numFmtId="0" fontId="1" fillId="0" borderId="30" xfId="0" applyFont="1" applyFill="1" applyBorder="1" applyAlignment="1">
      <alignment horizontal="left" vertical="center" wrapText="1"/>
    </xf>
    <xf numFmtId="0" fontId="1" fillId="0" borderId="25" xfId="0" applyFont="1" applyFill="1" applyBorder="1" applyAlignment="1">
      <alignment horizontal="left" vertical="center" wrapText="1"/>
    </xf>
    <xf numFmtId="0" fontId="1" fillId="0" borderId="26" xfId="0" applyFont="1" applyFill="1" applyBorder="1" applyAlignment="1">
      <alignment horizontal="left" vertical="center" wrapText="1"/>
    </xf>
    <xf numFmtId="0" fontId="1" fillId="0" borderId="84" xfId="0" applyFont="1" applyFill="1" applyBorder="1" applyAlignment="1">
      <alignment horizontal="left" vertical="center" wrapText="1"/>
    </xf>
    <xf numFmtId="0" fontId="1" fillId="0" borderId="85" xfId="0" applyFont="1" applyFill="1" applyBorder="1" applyAlignment="1">
      <alignment horizontal="left" vertical="center" wrapText="1"/>
    </xf>
    <xf numFmtId="0" fontId="1" fillId="0" borderId="86" xfId="0" applyFont="1" applyFill="1" applyBorder="1" applyAlignment="1">
      <alignment horizontal="left" vertical="center" wrapText="1"/>
    </xf>
    <xf numFmtId="0" fontId="1" fillId="0" borderId="87" xfId="0" applyFont="1" applyFill="1" applyBorder="1" applyAlignment="1">
      <alignment horizontal="left" vertical="center" wrapText="1"/>
    </xf>
    <xf numFmtId="49" fontId="1" fillId="0" borderId="28" xfId="0" applyNumberFormat="1" applyFont="1" applyFill="1" applyBorder="1" applyAlignment="1">
      <alignment horizontal="left" vertical="center" wrapText="1"/>
    </xf>
    <xf numFmtId="49" fontId="1" fillId="0" borderId="29" xfId="0" applyNumberFormat="1" applyFont="1" applyFill="1" applyBorder="1" applyAlignment="1">
      <alignment horizontal="left" vertical="center" wrapText="1"/>
    </xf>
    <xf numFmtId="49" fontId="1" fillId="0" borderId="30" xfId="0" applyNumberFormat="1" applyFont="1" applyFill="1" applyBorder="1" applyAlignment="1">
      <alignment horizontal="left" vertical="center" wrapText="1"/>
    </xf>
    <xf numFmtId="49" fontId="1" fillId="0" borderId="85" xfId="0" applyNumberFormat="1" applyFont="1" applyFill="1" applyBorder="1" applyAlignment="1">
      <alignment horizontal="left" vertical="center" wrapText="1"/>
    </xf>
    <xf numFmtId="49" fontId="1" fillId="0" borderId="86" xfId="0" applyNumberFormat="1" applyFont="1" applyFill="1" applyBorder="1" applyAlignment="1">
      <alignment horizontal="left" vertical="center" wrapText="1"/>
    </xf>
    <xf numFmtId="49" fontId="1" fillId="0" borderId="87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80" xfId="1" applyFont="1" applyBorder="1" applyAlignment="1">
      <alignment horizontal="left" vertical="center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43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8" fillId="0" borderId="44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36" xfId="0" applyNumberFormat="1" applyFont="1" applyBorder="1" applyAlignment="1" applyProtection="1">
      <alignment horizontal="center" vertical="top" wrapText="1"/>
      <protection locked="0"/>
    </xf>
    <xf numFmtId="3" fontId="19" fillId="0" borderId="37" xfId="0" applyNumberFormat="1" applyFont="1" applyBorder="1" applyAlignment="1" applyProtection="1">
      <alignment horizontal="center" vertical="top" wrapText="1"/>
      <protection locked="0"/>
    </xf>
    <xf numFmtId="3" fontId="19" fillId="0" borderId="38" xfId="0" applyNumberFormat="1" applyFont="1" applyBorder="1" applyAlignment="1" applyProtection="1">
      <alignment horizontal="center" vertical="top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9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40" xfId="0" applyFont="1" applyBorder="1" applyAlignment="1" applyProtection="1">
      <alignment horizontal="left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41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42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4.%20Alenka/2019_011_Kompletn&#225;%20&#353;k&#225;la%20embolektomick&#253;ch,%20trombektomick&#253;ch%20a%20okl&#250;znych%20kat&#233;trov/06.%20V&#253;zva%20bez%20predlo&#382;enia%20ponuky%20VZOR/04.%20Pr&#237;lohy%20&#269;.%201,%202,%203,%204,%205,%206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Kompletná škála embolektomických, trombektomických a oklúznych katétrov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50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2" t="s">
        <v>3</v>
      </c>
      <c r="B1" s="142"/>
      <c r="C1" s="142"/>
      <c r="D1" s="142"/>
      <c r="E1" s="135"/>
    </row>
    <row r="2" spans="1:13" ht="15" customHeight="1" x14ac:dyDescent="0.25">
      <c r="A2" s="143" t="str">
        <f>'[2]Príloha č. 1'!A2:C2</f>
        <v>Kompletná škála embolektomických, trombektomických a oklúznych katétrov</v>
      </c>
      <c r="B2" s="143"/>
      <c r="C2" s="143"/>
      <c r="D2" s="143"/>
      <c r="E2" s="143"/>
      <c r="F2" s="143"/>
      <c r="G2" s="143"/>
    </row>
    <row r="3" spans="1:13" ht="9.9499999999999993" customHeight="1" x14ac:dyDescent="0.25">
      <c r="A3" s="144"/>
      <c r="B3" s="144"/>
      <c r="C3" s="144"/>
      <c r="D3" s="144"/>
      <c r="E3" s="144"/>
      <c r="F3" s="144"/>
    </row>
    <row r="4" spans="1:13" ht="18.75" customHeight="1" x14ac:dyDescent="0.3">
      <c r="A4" s="145" t="s">
        <v>9</v>
      </c>
      <c r="B4" s="145"/>
      <c r="C4" s="145"/>
      <c r="D4" s="145"/>
      <c r="E4" s="145"/>
      <c r="F4" s="145"/>
      <c r="G4" s="145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6" t="s">
        <v>38</v>
      </c>
      <c r="B6" s="147"/>
      <c r="C6" s="147"/>
      <c r="D6" s="147"/>
      <c r="E6" s="147"/>
      <c r="F6" s="150" t="s">
        <v>39</v>
      </c>
      <c r="G6" s="151"/>
    </row>
    <row r="7" spans="1:13" s="3" customFormat="1" ht="53.25" customHeight="1" thickBot="1" x14ac:dyDescent="0.3">
      <c r="A7" s="148"/>
      <c r="B7" s="149"/>
      <c r="C7" s="149"/>
      <c r="D7" s="149"/>
      <c r="E7" s="149"/>
      <c r="F7" s="93" t="s">
        <v>40</v>
      </c>
      <c r="G7" s="94" t="s">
        <v>41</v>
      </c>
    </row>
    <row r="8" spans="1:13" s="2" customFormat="1" ht="27.75" customHeight="1" x14ac:dyDescent="0.25">
      <c r="A8" s="136" t="s">
        <v>58</v>
      </c>
      <c r="B8" s="137"/>
      <c r="C8" s="137"/>
      <c r="D8" s="137"/>
      <c r="E8" s="137"/>
      <c r="F8" s="137"/>
      <c r="G8" s="138"/>
    </row>
    <row r="9" spans="1:13" s="2" customFormat="1" ht="27.75" customHeight="1" x14ac:dyDescent="0.25">
      <c r="A9" s="129" t="s">
        <v>59</v>
      </c>
      <c r="B9" s="139" t="s">
        <v>60</v>
      </c>
      <c r="C9" s="140"/>
      <c r="D9" s="140"/>
      <c r="E9" s="141"/>
      <c r="F9" s="95"/>
      <c r="G9" s="96"/>
    </row>
    <row r="10" spans="1:13" s="2" customFormat="1" ht="27.75" customHeight="1" x14ac:dyDescent="0.25">
      <c r="A10" s="129" t="s">
        <v>61</v>
      </c>
      <c r="B10" s="139" t="s">
        <v>62</v>
      </c>
      <c r="C10" s="140"/>
      <c r="D10" s="140"/>
      <c r="E10" s="141"/>
      <c r="F10" s="95"/>
      <c r="G10" s="96"/>
    </row>
    <row r="11" spans="1:13" s="2" customFormat="1" ht="27.75" customHeight="1" x14ac:dyDescent="0.25">
      <c r="A11" s="129" t="s">
        <v>63</v>
      </c>
      <c r="B11" s="139" t="s">
        <v>64</v>
      </c>
      <c r="C11" s="140"/>
      <c r="D11" s="140"/>
      <c r="E11" s="141"/>
      <c r="F11" s="95"/>
      <c r="G11" s="96"/>
    </row>
    <row r="12" spans="1:13" s="2" customFormat="1" ht="27.75" customHeight="1" x14ac:dyDescent="0.25">
      <c r="A12" s="129" t="s">
        <v>65</v>
      </c>
      <c r="B12" s="139" t="s">
        <v>66</v>
      </c>
      <c r="C12" s="140"/>
      <c r="D12" s="140"/>
      <c r="E12" s="141"/>
      <c r="F12" s="95"/>
      <c r="G12" s="96"/>
    </row>
    <row r="13" spans="1:13" s="2" customFormat="1" ht="27.75" customHeight="1" x14ac:dyDescent="0.25">
      <c r="A13" s="129" t="s">
        <v>67</v>
      </c>
      <c r="B13" s="139" t="s">
        <v>68</v>
      </c>
      <c r="C13" s="140"/>
      <c r="D13" s="140"/>
      <c r="E13" s="141"/>
      <c r="F13" s="95"/>
      <c r="G13" s="96"/>
    </row>
    <row r="14" spans="1:13" s="2" customFormat="1" ht="27.75" customHeight="1" x14ac:dyDescent="0.25">
      <c r="A14" s="129" t="s">
        <v>69</v>
      </c>
      <c r="B14" s="139" t="s">
        <v>70</v>
      </c>
      <c r="C14" s="140"/>
      <c r="D14" s="140"/>
      <c r="E14" s="141"/>
      <c r="F14" s="95"/>
      <c r="G14" s="96"/>
    </row>
    <row r="15" spans="1:13" s="2" customFormat="1" ht="27.75" customHeight="1" x14ac:dyDescent="0.25">
      <c r="A15" s="129"/>
      <c r="B15" s="139" t="s">
        <v>71</v>
      </c>
      <c r="C15" s="140"/>
      <c r="D15" s="140"/>
      <c r="E15" s="141"/>
      <c r="F15" s="95"/>
      <c r="G15" s="96"/>
    </row>
    <row r="16" spans="1:13" s="2" customFormat="1" ht="27.75" customHeight="1" x14ac:dyDescent="0.25">
      <c r="A16" s="129"/>
      <c r="B16" s="139" t="s">
        <v>72</v>
      </c>
      <c r="C16" s="140"/>
      <c r="D16" s="140"/>
      <c r="E16" s="141"/>
      <c r="F16" s="95"/>
      <c r="G16" s="96"/>
    </row>
    <row r="17" spans="1:7" s="2" customFormat="1" ht="27.75" customHeight="1" x14ac:dyDescent="0.25">
      <c r="A17" s="129" t="s">
        <v>73</v>
      </c>
      <c r="B17" s="139" t="s">
        <v>74</v>
      </c>
      <c r="C17" s="140"/>
      <c r="D17" s="140"/>
      <c r="E17" s="141"/>
      <c r="F17" s="95"/>
      <c r="G17" s="96"/>
    </row>
    <row r="18" spans="1:7" s="2" customFormat="1" ht="27.75" customHeight="1" x14ac:dyDescent="0.25">
      <c r="A18" s="129"/>
      <c r="B18" s="139" t="s">
        <v>75</v>
      </c>
      <c r="C18" s="140"/>
      <c r="D18" s="140"/>
      <c r="E18" s="141"/>
      <c r="F18" s="95"/>
      <c r="G18" s="96"/>
    </row>
    <row r="19" spans="1:7" s="2" customFormat="1" ht="27.75" customHeight="1" x14ac:dyDescent="0.25">
      <c r="A19" s="129"/>
      <c r="B19" s="139" t="s">
        <v>76</v>
      </c>
      <c r="C19" s="140"/>
      <c r="D19" s="140"/>
      <c r="E19" s="141"/>
      <c r="F19" s="95"/>
      <c r="G19" s="96"/>
    </row>
    <row r="20" spans="1:7" s="2" customFormat="1" ht="27.75" customHeight="1" x14ac:dyDescent="0.25">
      <c r="A20" s="129" t="s">
        <v>77</v>
      </c>
      <c r="B20" s="139" t="s">
        <v>78</v>
      </c>
      <c r="C20" s="140"/>
      <c r="D20" s="140"/>
      <c r="E20" s="141"/>
      <c r="F20" s="95"/>
      <c r="G20" s="96"/>
    </row>
    <row r="21" spans="1:7" s="2" customFormat="1" ht="27.75" customHeight="1" x14ac:dyDescent="0.25">
      <c r="A21" s="129"/>
      <c r="B21" s="139" t="s">
        <v>75</v>
      </c>
      <c r="C21" s="140"/>
      <c r="D21" s="140"/>
      <c r="E21" s="141"/>
      <c r="F21" s="95"/>
      <c r="G21" s="96"/>
    </row>
    <row r="22" spans="1:7" s="2" customFormat="1" ht="27.75" customHeight="1" x14ac:dyDescent="0.25">
      <c r="A22" s="129"/>
      <c r="B22" s="139" t="s">
        <v>79</v>
      </c>
      <c r="C22" s="140"/>
      <c r="D22" s="140"/>
      <c r="E22" s="141"/>
      <c r="F22" s="95"/>
      <c r="G22" s="96"/>
    </row>
    <row r="23" spans="1:7" s="2" customFormat="1" ht="27.75" customHeight="1" x14ac:dyDescent="0.25">
      <c r="A23" s="129" t="s">
        <v>80</v>
      </c>
      <c r="B23" s="139" t="s">
        <v>81</v>
      </c>
      <c r="C23" s="140"/>
      <c r="D23" s="140"/>
      <c r="E23" s="141"/>
      <c r="F23" s="95"/>
      <c r="G23" s="96"/>
    </row>
    <row r="24" spans="1:7" s="2" customFormat="1" ht="27.75" customHeight="1" x14ac:dyDescent="0.25">
      <c r="A24" s="129"/>
      <c r="B24" s="139" t="s">
        <v>82</v>
      </c>
      <c r="C24" s="140"/>
      <c r="D24" s="140"/>
      <c r="E24" s="141"/>
      <c r="F24" s="95"/>
      <c r="G24" s="96"/>
    </row>
    <row r="25" spans="1:7" s="2" customFormat="1" ht="27.75" customHeight="1" x14ac:dyDescent="0.25">
      <c r="A25" s="129"/>
      <c r="B25" s="139" t="s">
        <v>76</v>
      </c>
      <c r="C25" s="140"/>
      <c r="D25" s="140"/>
      <c r="E25" s="141"/>
      <c r="F25" s="95"/>
      <c r="G25" s="96"/>
    </row>
    <row r="26" spans="1:7" s="2" customFormat="1" ht="27.75" customHeight="1" x14ac:dyDescent="0.25">
      <c r="A26" s="129" t="s">
        <v>83</v>
      </c>
      <c r="B26" s="139" t="s">
        <v>84</v>
      </c>
      <c r="C26" s="140"/>
      <c r="D26" s="140"/>
      <c r="E26" s="141"/>
      <c r="F26" s="95"/>
      <c r="G26" s="96"/>
    </row>
    <row r="27" spans="1:7" s="2" customFormat="1" ht="27.75" customHeight="1" x14ac:dyDescent="0.25">
      <c r="A27" s="129"/>
      <c r="B27" s="139" t="s">
        <v>82</v>
      </c>
      <c r="C27" s="140"/>
      <c r="D27" s="140"/>
      <c r="E27" s="141"/>
      <c r="F27" s="95"/>
      <c r="G27" s="96"/>
    </row>
    <row r="28" spans="1:7" s="2" customFormat="1" ht="27.75" customHeight="1" x14ac:dyDescent="0.25">
      <c r="A28" s="129"/>
      <c r="B28" s="139" t="s">
        <v>79</v>
      </c>
      <c r="C28" s="140"/>
      <c r="D28" s="140"/>
      <c r="E28" s="141"/>
      <c r="F28" s="95"/>
      <c r="G28" s="96"/>
    </row>
    <row r="29" spans="1:7" s="2" customFormat="1" ht="27.75" customHeight="1" x14ac:dyDescent="0.25">
      <c r="A29" s="129" t="s">
        <v>85</v>
      </c>
      <c r="B29" s="139" t="s">
        <v>86</v>
      </c>
      <c r="C29" s="140"/>
      <c r="D29" s="140"/>
      <c r="E29" s="141"/>
      <c r="F29" s="95"/>
      <c r="G29" s="96"/>
    </row>
    <row r="30" spans="1:7" s="2" customFormat="1" ht="27.75" customHeight="1" x14ac:dyDescent="0.25">
      <c r="A30" s="129"/>
      <c r="B30" s="139" t="s">
        <v>87</v>
      </c>
      <c r="C30" s="140"/>
      <c r="D30" s="140"/>
      <c r="E30" s="141"/>
      <c r="F30" s="95"/>
      <c r="G30" s="96"/>
    </row>
    <row r="31" spans="1:7" s="2" customFormat="1" ht="27.75" customHeight="1" x14ac:dyDescent="0.25">
      <c r="A31" s="129"/>
      <c r="B31" s="139" t="s">
        <v>79</v>
      </c>
      <c r="C31" s="140"/>
      <c r="D31" s="140"/>
      <c r="E31" s="141"/>
      <c r="F31" s="95"/>
      <c r="G31" s="96"/>
    </row>
    <row r="32" spans="1:7" s="2" customFormat="1" ht="27.75" customHeight="1" x14ac:dyDescent="0.25">
      <c r="A32" s="129" t="s">
        <v>88</v>
      </c>
      <c r="B32" s="139" t="s">
        <v>89</v>
      </c>
      <c r="C32" s="140"/>
      <c r="D32" s="140"/>
      <c r="E32" s="141"/>
      <c r="F32" s="95"/>
      <c r="G32" s="96"/>
    </row>
    <row r="33" spans="1:7" s="2" customFormat="1" ht="27.75" customHeight="1" x14ac:dyDescent="0.25">
      <c r="A33" s="129"/>
      <c r="B33" s="139" t="s">
        <v>90</v>
      </c>
      <c r="C33" s="140"/>
      <c r="D33" s="140"/>
      <c r="E33" s="141"/>
      <c r="F33" s="95"/>
      <c r="G33" s="96"/>
    </row>
    <row r="34" spans="1:7" s="2" customFormat="1" ht="27.75" customHeight="1" x14ac:dyDescent="0.25">
      <c r="A34" s="129"/>
      <c r="B34" s="139" t="s">
        <v>79</v>
      </c>
      <c r="C34" s="140"/>
      <c r="D34" s="140"/>
      <c r="E34" s="141"/>
      <c r="F34" s="95"/>
      <c r="G34" s="96"/>
    </row>
    <row r="35" spans="1:7" s="2" customFormat="1" ht="27.75" customHeight="1" x14ac:dyDescent="0.25">
      <c r="A35" s="129" t="s">
        <v>91</v>
      </c>
      <c r="B35" s="139" t="s">
        <v>92</v>
      </c>
      <c r="C35" s="140"/>
      <c r="D35" s="140"/>
      <c r="E35" s="141"/>
      <c r="F35" s="95"/>
      <c r="G35" s="96"/>
    </row>
    <row r="36" spans="1:7" s="2" customFormat="1" ht="27.75" customHeight="1" x14ac:dyDescent="0.25">
      <c r="A36" s="129"/>
      <c r="B36" s="139" t="s">
        <v>93</v>
      </c>
      <c r="C36" s="140"/>
      <c r="D36" s="140"/>
      <c r="E36" s="141"/>
      <c r="F36" s="95"/>
      <c r="G36" s="96"/>
    </row>
    <row r="37" spans="1:7" s="2" customFormat="1" ht="27.75" customHeight="1" x14ac:dyDescent="0.25">
      <c r="A37" s="129"/>
      <c r="B37" s="139" t="s">
        <v>79</v>
      </c>
      <c r="C37" s="140"/>
      <c r="D37" s="140"/>
      <c r="E37" s="141"/>
      <c r="F37" s="95"/>
      <c r="G37" s="96"/>
    </row>
    <row r="38" spans="1:7" s="2" customFormat="1" ht="27.75" customHeight="1" x14ac:dyDescent="0.25">
      <c r="A38" s="129" t="s">
        <v>94</v>
      </c>
      <c r="B38" s="139" t="s">
        <v>95</v>
      </c>
      <c r="C38" s="140"/>
      <c r="D38" s="140"/>
      <c r="E38" s="141"/>
      <c r="F38" s="95"/>
      <c r="G38" s="96"/>
    </row>
    <row r="39" spans="1:7" s="2" customFormat="1" ht="27.75" customHeight="1" x14ac:dyDescent="0.25">
      <c r="A39" s="136" t="s">
        <v>96</v>
      </c>
      <c r="B39" s="137"/>
      <c r="C39" s="137"/>
      <c r="D39" s="137"/>
      <c r="E39" s="137"/>
      <c r="F39" s="137"/>
      <c r="G39" s="138"/>
    </row>
    <row r="40" spans="1:7" s="2" customFormat="1" ht="27.75" customHeight="1" x14ac:dyDescent="0.25">
      <c r="A40" s="129" t="s">
        <v>97</v>
      </c>
      <c r="B40" s="153" t="s">
        <v>98</v>
      </c>
      <c r="C40" s="154"/>
      <c r="D40" s="154"/>
      <c r="E40" s="155"/>
      <c r="F40" s="95"/>
      <c r="G40" s="96"/>
    </row>
    <row r="41" spans="1:7" s="2" customFormat="1" ht="27.75" customHeight="1" x14ac:dyDescent="0.25">
      <c r="A41" s="129" t="s">
        <v>99</v>
      </c>
      <c r="B41" s="139" t="s">
        <v>100</v>
      </c>
      <c r="C41" s="140"/>
      <c r="D41" s="140"/>
      <c r="E41" s="152"/>
      <c r="F41" s="95"/>
      <c r="G41" s="96"/>
    </row>
    <row r="42" spans="1:7" s="2" customFormat="1" ht="27.75" customHeight="1" x14ac:dyDescent="0.25">
      <c r="A42" s="129" t="s">
        <v>101</v>
      </c>
      <c r="B42" s="139" t="s">
        <v>102</v>
      </c>
      <c r="C42" s="140"/>
      <c r="D42" s="140"/>
      <c r="E42" s="152"/>
      <c r="F42" s="95"/>
      <c r="G42" s="96"/>
    </row>
    <row r="43" spans="1:7" s="2" customFormat="1" ht="27.75" customHeight="1" x14ac:dyDescent="0.25">
      <c r="A43" s="129" t="s">
        <v>103</v>
      </c>
      <c r="B43" s="139" t="s">
        <v>70</v>
      </c>
      <c r="C43" s="140"/>
      <c r="D43" s="140"/>
      <c r="E43" s="152"/>
      <c r="F43" s="95"/>
      <c r="G43" s="96"/>
    </row>
    <row r="44" spans="1:7" s="2" customFormat="1" ht="27.75" customHeight="1" x14ac:dyDescent="0.25">
      <c r="A44" s="129"/>
      <c r="B44" s="139" t="s">
        <v>75</v>
      </c>
      <c r="C44" s="140"/>
      <c r="D44" s="140"/>
      <c r="E44" s="152"/>
      <c r="F44" s="95"/>
      <c r="G44" s="96"/>
    </row>
    <row r="45" spans="1:7" s="2" customFormat="1" ht="27.75" customHeight="1" x14ac:dyDescent="0.25">
      <c r="A45" s="129"/>
      <c r="B45" s="139" t="s">
        <v>76</v>
      </c>
      <c r="C45" s="140"/>
      <c r="D45" s="140"/>
      <c r="E45" s="152"/>
      <c r="F45" s="95"/>
      <c r="G45" s="96"/>
    </row>
    <row r="46" spans="1:7" s="2" customFormat="1" ht="27.75" customHeight="1" x14ac:dyDescent="0.25">
      <c r="A46" s="129" t="s">
        <v>104</v>
      </c>
      <c r="B46" s="139" t="s">
        <v>74</v>
      </c>
      <c r="C46" s="140"/>
      <c r="D46" s="140"/>
      <c r="E46" s="152"/>
      <c r="F46" s="95"/>
      <c r="G46" s="96"/>
    </row>
    <row r="47" spans="1:7" s="2" customFormat="1" ht="27.75" customHeight="1" x14ac:dyDescent="0.25">
      <c r="A47" s="129"/>
      <c r="B47" s="139" t="s">
        <v>75</v>
      </c>
      <c r="C47" s="140"/>
      <c r="D47" s="140"/>
      <c r="E47" s="152"/>
      <c r="F47" s="95"/>
      <c r="G47" s="96"/>
    </row>
    <row r="48" spans="1:7" s="2" customFormat="1" ht="27.75" customHeight="1" x14ac:dyDescent="0.25">
      <c r="A48" s="129"/>
      <c r="B48" s="139" t="s">
        <v>79</v>
      </c>
      <c r="C48" s="140"/>
      <c r="D48" s="140"/>
      <c r="E48" s="152"/>
      <c r="F48" s="95"/>
      <c r="G48" s="96"/>
    </row>
    <row r="49" spans="1:7" s="2" customFormat="1" ht="27.75" customHeight="1" x14ac:dyDescent="0.25">
      <c r="A49" s="129" t="s">
        <v>105</v>
      </c>
      <c r="B49" s="139" t="s">
        <v>78</v>
      </c>
      <c r="C49" s="140"/>
      <c r="D49" s="140"/>
      <c r="E49" s="152"/>
      <c r="F49" s="95"/>
      <c r="G49" s="96"/>
    </row>
    <row r="50" spans="1:7" s="2" customFormat="1" ht="27.75" customHeight="1" x14ac:dyDescent="0.25">
      <c r="A50" s="129"/>
      <c r="B50" s="139" t="s">
        <v>106</v>
      </c>
      <c r="C50" s="140"/>
      <c r="D50" s="140"/>
      <c r="E50" s="152"/>
      <c r="F50" s="95"/>
      <c r="G50" s="96"/>
    </row>
    <row r="51" spans="1:7" s="2" customFormat="1" ht="27.75" customHeight="1" x14ac:dyDescent="0.25">
      <c r="A51" s="129"/>
      <c r="B51" s="139" t="s">
        <v>107</v>
      </c>
      <c r="C51" s="140"/>
      <c r="D51" s="140"/>
      <c r="E51" s="152"/>
      <c r="F51" s="95"/>
      <c r="G51" s="96"/>
    </row>
    <row r="52" spans="1:7" s="2" customFormat="1" ht="27.75" customHeight="1" x14ac:dyDescent="0.25">
      <c r="A52" s="129" t="s">
        <v>108</v>
      </c>
      <c r="B52" s="139" t="s">
        <v>81</v>
      </c>
      <c r="C52" s="140"/>
      <c r="D52" s="140"/>
      <c r="E52" s="152"/>
      <c r="F52" s="95"/>
      <c r="G52" s="96"/>
    </row>
    <row r="53" spans="1:7" s="2" customFormat="1" ht="27.75" customHeight="1" x14ac:dyDescent="0.25">
      <c r="A53" s="129"/>
      <c r="B53" s="139" t="s">
        <v>82</v>
      </c>
      <c r="C53" s="140"/>
      <c r="D53" s="140"/>
      <c r="E53" s="152"/>
      <c r="F53" s="95"/>
      <c r="G53" s="96"/>
    </row>
    <row r="54" spans="1:7" s="2" customFormat="1" ht="27.75" customHeight="1" x14ac:dyDescent="0.25">
      <c r="A54" s="129"/>
      <c r="B54" s="139" t="s">
        <v>76</v>
      </c>
      <c r="C54" s="140"/>
      <c r="D54" s="140"/>
      <c r="E54" s="152"/>
      <c r="F54" s="95"/>
      <c r="G54" s="96"/>
    </row>
    <row r="55" spans="1:7" s="2" customFormat="1" ht="27.75" customHeight="1" x14ac:dyDescent="0.25">
      <c r="A55" s="129" t="s">
        <v>109</v>
      </c>
      <c r="B55" s="139" t="s">
        <v>84</v>
      </c>
      <c r="C55" s="140"/>
      <c r="D55" s="140"/>
      <c r="E55" s="152"/>
      <c r="F55" s="95"/>
      <c r="G55" s="96"/>
    </row>
    <row r="56" spans="1:7" s="2" customFormat="1" ht="27.75" customHeight="1" x14ac:dyDescent="0.25">
      <c r="A56" s="129"/>
      <c r="B56" s="139" t="s">
        <v>82</v>
      </c>
      <c r="C56" s="140"/>
      <c r="D56" s="140"/>
      <c r="E56" s="152"/>
      <c r="F56" s="95"/>
      <c r="G56" s="96"/>
    </row>
    <row r="57" spans="1:7" s="2" customFormat="1" ht="27.75" customHeight="1" x14ac:dyDescent="0.25">
      <c r="A57" s="129"/>
      <c r="B57" s="139" t="s">
        <v>79</v>
      </c>
      <c r="C57" s="140"/>
      <c r="D57" s="140"/>
      <c r="E57" s="152"/>
      <c r="F57" s="95"/>
      <c r="G57" s="96"/>
    </row>
    <row r="58" spans="1:7" s="2" customFormat="1" ht="27.75" customHeight="1" x14ac:dyDescent="0.25">
      <c r="A58" s="129" t="s">
        <v>110</v>
      </c>
      <c r="B58" s="139" t="s">
        <v>86</v>
      </c>
      <c r="C58" s="140"/>
      <c r="D58" s="140"/>
      <c r="E58" s="152"/>
      <c r="F58" s="95"/>
      <c r="G58" s="96"/>
    </row>
    <row r="59" spans="1:7" s="2" customFormat="1" ht="27.75" customHeight="1" x14ac:dyDescent="0.25">
      <c r="A59" s="129"/>
      <c r="B59" s="139" t="s">
        <v>111</v>
      </c>
      <c r="C59" s="140"/>
      <c r="D59" s="140"/>
      <c r="E59" s="152"/>
      <c r="F59" s="95"/>
      <c r="G59" s="96"/>
    </row>
    <row r="60" spans="1:7" s="2" customFormat="1" ht="27.75" customHeight="1" x14ac:dyDescent="0.25">
      <c r="A60" s="129"/>
      <c r="B60" s="139" t="s">
        <v>76</v>
      </c>
      <c r="C60" s="140"/>
      <c r="D60" s="140"/>
      <c r="E60" s="152"/>
      <c r="F60" s="95"/>
      <c r="G60" s="96"/>
    </row>
    <row r="61" spans="1:7" s="2" customFormat="1" ht="27.75" customHeight="1" x14ac:dyDescent="0.25">
      <c r="A61" s="129" t="s">
        <v>112</v>
      </c>
      <c r="B61" s="139" t="s">
        <v>89</v>
      </c>
      <c r="C61" s="140"/>
      <c r="D61" s="140"/>
      <c r="E61" s="152"/>
      <c r="F61" s="95"/>
      <c r="G61" s="96"/>
    </row>
    <row r="62" spans="1:7" s="2" customFormat="1" ht="27.75" customHeight="1" x14ac:dyDescent="0.25">
      <c r="A62" s="129"/>
      <c r="B62" s="139" t="s">
        <v>111</v>
      </c>
      <c r="C62" s="140"/>
      <c r="D62" s="140"/>
      <c r="E62" s="152"/>
      <c r="F62" s="95"/>
      <c r="G62" s="96"/>
    </row>
    <row r="63" spans="1:7" s="2" customFormat="1" ht="27.75" customHeight="1" x14ac:dyDescent="0.25">
      <c r="A63" s="129"/>
      <c r="B63" s="139" t="s">
        <v>79</v>
      </c>
      <c r="C63" s="140"/>
      <c r="D63" s="140"/>
      <c r="E63" s="152"/>
      <c r="F63" s="95"/>
      <c r="G63" s="96"/>
    </row>
    <row r="64" spans="1:7" s="2" customFormat="1" ht="27.75" customHeight="1" x14ac:dyDescent="0.25">
      <c r="A64" s="129" t="s">
        <v>113</v>
      </c>
      <c r="B64" s="139" t="s">
        <v>92</v>
      </c>
      <c r="C64" s="140"/>
      <c r="D64" s="140"/>
      <c r="E64" s="152"/>
      <c r="F64" s="95"/>
      <c r="G64" s="96"/>
    </row>
    <row r="65" spans="1:7" s="2" customFormat="1" ht="27.75" customHeight="1" x14ac:dyDescent="0.25">
      <c r="A65" s="129"/>
      <c r="B65" s="139" t="s">
        <v>90</v>
      </c>
      <c r="C65" s="140"/>
      <c r="D65" s="140"/>
      <c r="E65" s="152"/>
      <c r="F65" s="95"/>
      <c r="G65" s="96"/>
    </row>
    <row r="66" spans="1:7" s="2" customFormat="1" ht="27.75" customHeight="1" x14ac:dyDescent="0.25">
      <c r="A66" s="129"/>
      <c r="B66" s="139" t="s">
        <v>76</v>
      </c>
      <c r="C66" s="140"/>
      <c r="D66" s="140"/>
      <c r="E66" s="152"/>
      <c r="F66" s="95"/>
      <c r="G66" s="96"/>
    </row>
    <row r="67" spans="1:7" s="2" customFormat="1" ht="27.75" customHeight="1" x14ac:dyDescent="0.25">
      <c r="A67" s="129" t="s">
        <v>114</v>
      </c>
      <c r="B67" s="139" t="s">
        <v>115</v>
      </c>
      <c r="C67" s="140"/>
      <c r="D67" s="140"/>
      <c r="E67" s="152"/>
      <c r="F67" s="95"/>
      <c r="G67" s="96"/>
    </row>
    <row r="68" spans="1:7" s="2" customFormat="1" ht="27.75" customHeight="1" x14ac:dyDescent="0.25">
      <c r="A68" s="129"/>
      <c r="B68" s="139" t="s">
        <v>90</v>
      </c>
      <c r="C68" s="140"/>
      <c r="D68" s="140"/>
      <c r="E68" s="152"/>
      <c r="F68" s="95"/>
      <c r="G68" s="96"/>
    </row>
    <row r="69" spans="1:7" s="2" customFormat="1" ht="27.75" customHeight="1" x14ac:dyDescent="0.25">
      <c r="A69" s="129"/>
      <c r="B69" s="139" t="s">
        <v>79</v>
      </c>
      <c r="C69" s="140"/>
      <c r="D69" s="140"/>
      <c r="E69" s="152"/>
      <c r="F69" s="95"/>
      <c r="G69" s="96"/>
    </row>
    <row r="70" spans="1:7" s="2" customFormat="1" ht="27.75" customHeight="1" x14ac:dyDescent="0.25">
      <c r="A70" s="129" t="s">
        <v>116</v>
      </c>
      <c r="B70" s="139" t="s">
        <v>117</v>
      </c>
      <c r="C70" s="140"/>
      <c r="D70" s="140"/>
      <c r="E70" s="152"/>
      <c r="F70" s="95"/>
      <c r="G70" s="96"/>
    </row>
    <row r="71" spans="1:7" s="2" customFormat="1" ht="27.75" customHeight="1" x14ac:dyDescent="0.25">
      <c r="A71" s="129"/>
      <c r="B71" s="139" t="s">
        <v>93</v>
      </c>
      <c r="C71" s="140"/>
      <c r="D71" s="140"/>
      <c r="E71" s="152"/>
      <c r="F71" s="95"/>
      <c r="G71" s="96"/>
    </row>
    <row r="72" spans="1:7" s="2" customFormat="1" ht="27.75" customHeight="1" x14ac:dyDescent="0.25">
      <c r="A72" s="129"/>
      <c r="B72" s="139" t="s">
        <v>79</v>
      </c>
      <c r="C72" s="140"/>
      <c r="D72" s="140"/>
      <c r="E72" s="152"/>
      <c r="F72" s="95"/>
      <c r="G72" s="96"/>
    </row>
    <row r="73" spans="1:7" s="2" customFormat="1" ht="27.75" customHeight="1" x14ac:dyDescent="0.25">
      <c r="A73" s="129" t="s">
        <v>118</v>
      </c>
      <c r="B73" s="139" t="s">
        <v>119</v>
      </c>
      <c r="C73" s="140"/>
      <c r="D73" s="140"/>
      <c r="E73" s="152"/>
      <c r="F73" s="95"/>
      <c r="G73" s="96"/>
    </row>
    <row r="74" spans="1:7" s="2" customFormat="1" ht="27.75" customHeight="1" x14ac:dyDescent="0.25">
      <c r="A74" s="136" t="s">
        <v>120</v>
      </c>
      <c r="B74" s="137"/>
      <c r="C74" s="137"/>
      <c r="D74" s="137"/>
      <c r="E74" s="137"/>
      <c r="F74" s="137"/>
      <c r="G74" s="138"/>
    </row>
    <row r="75" spans="1:7" s="2" customFormat="1" ht="27.75" customHeight="1" x14ac:dyDescent="0.25">
      <c r="A75" s="129" t="s">
        <v>121</v>
      </c>
      <c r="B75" s="153" t="s">
        <v>171</v>
      </c>
      <c r="C75" s="154"/>
      <c r="D75" s="154"/>
      <c r="E75" s="155"/>
      <c r="F75" s="95"/>
      <c r="G75" s="96"/>
    </row>
    <row r="76" spans="1:7" s="2" customFormat="1" ht="27.75" customHeight="1" x14ac:dyDescent="0.25">
      <c r="A76" s="129" t="s">
        <v>122</v>
      </c>
      <c r="B76" s="139" t="s">
        <v>123</v>
      </c>
      <c r="C76" s="140"/>
      <c r="D76" s="140"/>
      <c r="E76" s="152"/>
      <c r="F76" s="95"/>
      <c r="G76" s="96"/>
    </row>
    <row r="77" spans="1:7" s="2" customFormat="1" ht="27.75" customHeight="1" x14ac:dyDescent="0.25">
      <c r="A77" s="129"/>
      <c r="B77" s="139" t="s">
        <v>70</v>
      </c>
      <c r="C77" s="140"/>
      <c r="D77" s="140"/>
      <c r="E77" s="152"/>
      <c r="F77" s="95"/>
      <c r="G77" s="96"/>
    </row>
    <row r="78" spans="1:7" s="2" customFormat="1" ht="27.75" customHeight="1" x14ac:dyDescent="0.25">
      <c r="A78" s="129"/>
      <c r="B78" s="139" t="s">
        <v>90</v>
      </c>
      <c r="C78" s="140"/>
      <c r="D78" s="140"/>
      <c r="E78" s="152"/>
      <c r="F78" s="95"/>
      <c r="G78" s="96"/>
    </row>
    <row r="79" spans="1:7" s="2" customFormat="1" ht="27.75" customHeight="1" x14ac:dyDescent="0.25">
      <c r="A79" s="129"/>
      <c r="B79" s="139" t="s">
        <v>79</v>
      </c>
      <c r="C79" s="140"/>
      <c r="D79" s="140"/>
      <c r="E79" s="152"/>
      <c r="F79" s="95"/>
      <c r="G79" s="96"/>
    </row>
    <row r="80" spans="1:7" s="2" customFormat="1" ht="27.75" customHeight="1" x14ac:dyDescent="0.25">
      <c r="A80" s="129"/>
      <c r="B80" s="139" t="s">
        <v>124</v>
      </c>
      <c r="C80" s="140"/>
      <c r="D80" s="140"/>
      <c r="E80" s="152"/>
      <c r="F80" s="95"/>
      <c r="G80" s="96"/>
    </row>
    <row r="81" spans="1:7" s="2" customFormat="1" ht="27.75" customHeight="1" x14ac:dyDescent="0.25">
      <c r="A81" s="129" t="s">
        <v>125</v>
      </c>
      <c r="B81" s="139" t="s">
        <v>74</v>
      </c>
      <c r="C81" s="140"/>
      <c r="D81" s="140"/>
      <c r="E81" s="152"/>
      <c r="F81" s="95"/>
      <c r="G81" s="96"/>
    </row>
    <row r="82" spans="1:7" s="2" customFormat="1" ht="27.75" customHeight="1" x14ac:dyDescent="0.25">
      <c r="A82" s="129"/>
      <c r="B82" s="139" t="s">
        <v>126</v>
      </c>
      <c r="C82" s="140"/>
      <c r="D82" s="140"/>
      <c r="E82" s="152"/>
      <c r="F82" s="95"/>
      <c r="G82" s="96"/>
    </row>
    <row r="83" spans="1:7" s="2" customFormat="1" ht="27.75" customHeight="1" x14ac:dyDescent="0.25">
      <c r="A83" s="129"/>
      <c r="B83" s="139" t="s">
        <v>79</v>
      </c>
      <c r="C83" s="140"/>
      <c r="D83" s="140"/>
      <c r="E83" s="152"/>
      <c r="F83" s="95"/>
      <c r="G83" s="96"/>
    </row>
    <row r="84" spans="1:7" s="2" customFormat="1" ht="27.75" customHeight="1" x14ac:dyDescent="0.25">
      <c r="A84" s="129"/>
      <c r="B84" s="139" t="s">
        <v>127</v>
      </c>
      <c r="C84" s="140"/>
      <c r="D84" s="140"/>
      <c r="E84" s="152"/>
      <c r="F84" s="95"/>
      <c r="G84" s="96"/>
    </row>
    <row r="85" spans="1:7" s="2" customFormat="1" ht="27.75" customHeight="1" x14ac:dyDescent="0.25">
      <c r="A85" s="129" t="s">
        <v>128</v>
      </c>
      <c r="B85" s="139" t="s">
        <v>78</v>
      </c>
      <c r="C85" s="140"/>
      <c r="D85" s="140"/>
      <c r="E85" s="152"/>
      <c r="F85" s="95"/>
      <c r="G85" s="96"/>
    </row>
    <row r="86" spans="1:7" s="2" customFormat="1" ht="27.75" customHeight="1" x14ac:dyDescent="0.25">
      <c r="A86" s="130"/>
      <c r="B86" s="139" t="s">
        <v>129</v>
      </c>
      <c r="C86" s="140"/>
      <c r="D86" s="140"/>
      <c r="E86" s="152"/>
      <c r="F86" s="95"/>
      <c r="G86" s="96"/>
    </row>
    <row r="87" spans="1:7" s="2" customFormat="1" ht="27.75" customHeight="1" x14ac:dyDescent="0.25">
      <c r="A87" s="130"/>
      <c r="B87" s="139" t="s">
        <v>79</v>
      </c>
      <c r="C87" s="140"/>
      <c r="D87" s="140"/>
      <c r="E87" s="152"/>
      <c r="F87" s="95"/>
      <c r="G87" s="96"/>
    </row>
    <row r="88" spans="1:7" s="2" customFormat="1" ht="27.75" customHeight="1" x14ac:dyDescent="0.25">
      <c r="A88" s="130"/>
      <c r="B88" s="156" t="s">
        <v>130</v>
      </c>
      <c r="C88" s="157"/>
      <c r="D88" s="157"/>
      <c r="E88" s="158"/>
      <c r="F88" s="95"/>
      <c r="G88" s="96"/>
    </row>
    <row r="89" spans="1:7" s="2" customFormat="1" ht="27.75" customHeight="1" x14ac:dyDescent="0.25">
      <c r="A89" s="136" t="s">
        <v>131</v>
      </c>
      <c r="B89" s="137"/>
      <c r="C89" s="137"/>
      <c r="D89" s="137"/>
      <c r="E89" s="137"/>
      <c r="F89" s="137"/>
      <c r="G89" s="138"/>
    </row>
    <row r="90" spans="1:7" s="2" customFormat="1" ht="28.5" customHeight="1" x14ac:dyDescent="0.25">
      <c r="A90" s="129" t="s">
        <v>132</v>
      </c>
      <c r="B90" s="153" t="s">
        <v>133</v>
      </c>
      <c r="C90" s="154"/>
      <c r="D90" s="154"/>
      <c r="E90" s="155"/>
      <c r="F90" s="95"/>
      <c r="G90" s="96"/>
    </row>
    <row r="91" spans="1:7" s="2" customFormat="1" ht="27.75" customHeight="1" x14ac:dyDescent="0.25">
      <c r="A91" s="129" t="s">
        <v>134</v>
      </c>
      <c r="B91" s="139" t="s">
        <v>135</v>
      </c>
      <c r="C91" s="140"/>
      <c r="D91" s="140"/>
      <c r="E91" s="152"/>
      <c r="F91" s="95"/>
      <c r="G91" s="96"/>
    </row>
    <row r="92" spans="1:7" s="2" customFormat="1" ht="34.5" customHeight="1" x14ac:dyDescent="0.25">
      <c r="A92" s="129" t="s">
        <v>136</v>
      </c>
      <c r="B92" s="139" t="s">
        <v>137</v>
      </c>
      <c r="C92" s="140"/>
      <c r="D92" s="140"/>
      <c r="E92" s="152"/>
      <c r="F92" s="95"/>
      <c r="G92" s="96"/>
    </row>
    <row r="93" spans="1:7" s="2" customFormat="1" ht="30" customHeight="1" x14ac:dyDescent="0.25">
      <c r="A93" s="129" t="s">
        <v>138</v>
      </c>
      <c r="B93" s="139" t="s">
        <v>70</v>
      </c>
      <c r="C93" s="140"/>
      <c r="D93" s="140"/>
      <c r="E93" s="152"/>
      <c r="F93" s="95"/>
      <c r="G93" s="96"/>
    </row>
    <row r="94" spans="1:7" s="2" customFormat="1" ht="30" customHeight="1" x14ac:dyDescent="0.25">
      <c r="A94" s="129"/>
      <c r="B94" s="139" t="s">
        <v>87</v>
      </c>
      <c r="C94" s="140"/>
      <c r="D94" s="140"/>
      <c r="E94" s="152"/>
      <c r="F94" s="95"/>
      <c r="G94" s="96"/>
    </row>
    <row r="95" spans="1:7" s="2" customFormat="1" ht="30" customHeight="1" x14ac:dyDescent="0.25">
      <c r="A95" s="129"/>
      <c r="B95" s="139" t="s">
        <v>139</v>
      </c>
      <c r="C95" s="140"/>
      <c r="D95" s="140"/>
      <c r="E95" s="152"/>
      <c r="F95" s="95"/>
      <c r="G95" s="96"/>
    </row>
    <row r="96" spans="1:7" s="2" customFormat="1" ht="33" customHeight="1" x14ac:dyDescent="0.25">
      <c r="A96" s="129" t="s">
        <v>140</v>
      </c>
      <c r="B96" s="139" t="s">
        <v>74</v>
      </c>
      <c r="C96" s="140"/>
      <c r="D96" s="140"/>
      <c r="E96" s="152"/>
      <c r="F96" s="95"/>
      <c r="G96" s="96"/>
    </row>
    <row r="97" spans="1:7" s="2" customFormat="1" ht="30" customHeight="1" x14ac:dyDescent="0.25">
      <c r="A97" s="129"/>
      <c r="B97" s="139" t="s">
        <v>90</v>
      </c>
      <c r="C97" s="140"/>
      <c r="D97" s="140"/>
      <c r="E97" s="152"/>
      <c r="F97" s="95"/>
      <c r="G97" s="96"/>
    </row>
    <row r="98" spans="1:7" s="2" customFormat="1" ht="30" customHeight="1" x14ac:dyDescent="0.25">
      <c r="A98" s="130"/>
      <c r="B98" s="156" t="s">
        <v>139</v>
      </c>
      <c r="C98" s="157"/>
      <c r="D98" s="157"/>
      <c r="E98" s="158"/>
      <c r="F98" s="95"/>
      <c r="G98" s="96"/>
    </row>
    <row r="99" spans="1:7" s="2" customFormat="1" ht="27.75" customHeight="1" x14ac:dyDescent="0.25">
      <c r="A99" s="136" t="s">
        <v>141</v>
      </c>
      <c r="B99" s="137"/>
      <c r="C99" s="137"/>
      <c r="D99" s="137"/>
      <c r="E99" s="137"/>
      <c r="F99" s="137"/>
      <c r="G99" s="138"/>
    </row>
    <row r="100" spans="1:7" s="2" customFormat="1" ht="27.75" customHeight="1" x14ac:dyDescent="0.25">
      <c r="A100" s="129" t="s">
        <v>142</v>
      </c>
      <c r="B100" s="153" t="s">
        <v>143</v>
      </c>
      <c r="C100" s="154"/>
      <c r="D100" s="154"/>
      <c r="E100" s="155"/>
      <c r="F100" s="95"/>
      <c r="G100" s="96"/>
    </row>
    <row r="101" spans="1:7" s="2" customFormat="1" ht="27.75" customHeight="1" x14ac:dyDescent="0.25">
      <c r="A101" s="129" t="s">
        <v>144</v>
      </c>
      <c r="B101" s="139" t="s">
        <v>145</v>
      </c>
      <c r="C101" s="140"/>
      <c r="D101" s="140"/>
      <c r="E101" s="152"/>
      <c r="F101" s="95"/>
      <c r="G101" s="96"/>
    </row>
    <row r="102" spans="1:7" s="2" customFormat="1" ht="27.75" customHeight="1" x14ac:dyDescent="0.25">
      <c r="A102" s="129" t="s">
        <v>146</v>
      </c>
      <c r="B102" s="139" t="s">
        <v>70</v>
      </c>
      <c r="C102" s="140"/>
      <c r="D102" s="140"/>
      <c r="E102" s="152"/>
      <c r="F102" s="95"/>
      <c r="G102" s="96"/>
    </row>
    <row r="103" spans="1:7" s="2" customFormat="1" ht="27.75" customHeight="1" x14ac:dyDescent="0.25">
      <c r="A103" s="131"/>
      <c r="B103" s="139" t="s">
        <v>82</v>
      </c>
      <c r="C103" s="140"/>
      <c r="D103" s="140"/>
      <c r="E103" s="152"/>
      <c r="F103" s="95"/>
      <c r="G103" s="96"/>
    </row>
    <row r="104" spans="1:7" s="2" customFormat="1" ht="27.75" customHeight="1" x14ac:dyDescent="0.25">
      <c r="A104" s="131"/>
      <c r="B104" s="139" t="s">
        <v>79</v>
      </c>
      <c r="C104" s="140"/>
      <c r="D104" s="140"/>
      <c r="E104" s="152"/>
      <c r="F104" s="95"/>
      <c r="G104" s="96"/>
    </row>
    <row r="105" spans="1:7" s="2" customFormat="1" ht="27.75" customHeight="1" x14ac:dyDescent="0.25">
      <c r="A105" s="131"/>
      <c r="B105" s="139" t="s">
        <v>147</v>
      </c>
      <c r="C105" s="140"/>
      <c r="D105" s="140"/>
      <c r="E105" s="152"/>
      <c r="F105" s="95"/>
      <c r="G105" s="96"/>
    </row>
    <row r="106" spans="1:7" s="2" customFormat="1" ht="27.75" customHeight="1" x14ac:dyDescent="0.25">
      <c r="A106" s="131" t="s">
        <v>148</v>
      </c>
      <c r="B106" s="139" t="s">
        <v>74</v>
      </c>
      <c r="C106" s="140"/>
      <c r="D106" s="140"/>
      <c r="E106" s="152"/>
      <c r="F106" s="95"/>
      <c r="G106" s="96"/>
    </row>
    <row r="107" spans="1:7" s="2" customFormat="1" ht="27.75" customHeight="1" x14ac:dyDescent="0.25">
      <c r="A107" s="131"/>
      <c r="B107" s="159" t="s">
        <v>87</v>
      </c>
      <c r="C107" s="160"/>
      <c r="D107" s="160"/>
      <c r="E107" s="161"/>
      <c r="F107" s="95"/>
      <c r="G107" s="96"/>
    </row>
    <row r="108" spans="1:7" s="2" customFormat="1" ht="27.75" customHeight="1" x14ac:dyDescent="0.25">
      <c r="A108" s="131"/>
      <c r="B108" s="159" t="s">
        <v>79</v>
      </c>
      <c r="C108" s="160"/>
      <c r="D108" s="160"/>
      <c r="E108" s="161"/>
      <c r="F108" s="95"/>
      <c r="G108" s="96"/>
    </row>
    <row r="109" spans="1:7" s="2" customFormat="1" ht="27.75" customHeight="1" x14ac:dyDescent="0.25">
      <c r="A109" s="131"/>
      <c r="B109" s="139" t="s">
        <v>149</v>
      </c>
      <c r="C109" s="140"/>
      <c r="D109" s="140"/>
      <c r="E109" s="152"/>
      <c r="F109" s="95"/>
      <c r="G109" s="96"/>
    </row>
    <row r="110" spans="1:7" s="2" customFormat="1" ht="27.75" customHeight="1" x14ac:dyDescent="0.25">
      <c r="A110" s="131" t="s">
        <v>150</v>
      </c>
      <c r="B110" s="159" t="s">
        <v>78</v>
      </c>
      <c r="C110" s="160"/>
      <c r="D110" s="160"/>
      <c r="E110" s="161"/>
      <c r="F110" s="95"/>
      <c r="G110" s="96"/>
    </row>
    <row r="111" spans="1:7" s="2" customFormat="1" ht="27.75" customHeight="1" x14ac:dyDescent="0.25">
      <c r="A111" s="131"/>
      <c r="B111" s="139" t="s">
        <v>90</v>
      </c>
      <c r="C111" s="140"/>
      <c r="D111" s="140"/>
      <c r="E111" s="152"/>
      <c r="F111" s="95"/>
      <c r="G111" s="96"/>
    </row>
    <row r="112" spans="1:7" s="2" customFormat="1" ht="27.75" customHeight="1" x14ac:dyDescent="0.25">
      <c r="A112" s="131"/>
      <c r="B112" s="139" t="s">
        <v>79</v>
      </c>
      <c r="C112" s="140"/>
      <c r="D112" s="140"/>
      <c r="E112" s="152"/>
      <c r="F112" s="95"/>
      <c r="G112" s="96"/>
    </row>
    <row r="113" spans="1:7" s="2" customFormat="1" ht="27.75" customHeight="1" x14ac:dyDescent="0.25">
      <c r="A113" s="131"/>
      <c r="B113" s="156" t="s">
        <v>151</v>
      </c>
      <c r="C113" s="157"/>
      <c r="D113" s="157"/>
      <c r="E113" s="158"/>
      <c r="F113" s="95"/>
      <c r="G113" s="96"/>
    </row>
    <row r="114" spans="1:7" s="2" customFormat="1" ht="27.75" customHeight="1" x14ac:dyDescent="0.25">
      <c r="A114" s="136" t="s">
        <v>152</v>
      </c>
      <c r="B114" s="137"/>
      <c r="C114" s="137"/>
      <c r="D114" s="137"/>
      <c r="E114" s="137"/>
      <c r="F114" s="137"/>
      <c r="G114" s="138"/>
    </row>
    <row r="115" spans="1:7" s="2" customFormat="1" ht="27.75" customHeight="1" x14ac:dyDescent="0.25">
      <c r="A115" s="131" t="s">
        <v>153</v>
      </c>
      <c r="B115" s="153" t="s">
        <v>172</v>
      </c>
      <c r="C115" s="154"/>
      <c r="D115" s="154"/>
      <c r="E115" s="155"/>
      <c r="F115" s="95"/>
      <c r="G115" s="96"/>
    </row>
    <row r="116" spans="1:7" s="2" customFormat="1" ht="27.75" customHeight="1" x14ac:dyDescent="0.25">
      <c r="A116" s="131" t="s">
        <v>154</v>
      </c>
      <c r="B116" s="139" t="s">
        <v>173</v>
      </c>
      <c r="C116" s="140"/>
      <c r="D116" s="140"/>
      <c r="E116" s="152"/>
      <c r="F116" s="95"/>
      <c r="G116" s="96"/>
    </row>
    <row r="117" spans="1:7" s="2" customFormat="1" ht="27.75" customHeight="1" x14ac:dyDescent="0.25">
      <c r="A117" s="131" t="s">
        <v>155</v>
      </c>
      <c r="B117" s="139" t="s">
        <v>70</v>
      </c>
      <c r="C117" s="140"/>
      <c r="D117" s="140"/>
      <c r="E117" s="152"/>
      <c r="F117" s="95"/>
      <c r="G117" s="96"/>
    </row>
    <row r="118" spans="1:7" s="2" customFormat="1" ht="27.75" customHeight="1" x14ac:dyDescent="0.25">
      <c r="A118" s="131"/>
      <c r="B118" s="159" t="s">
        <v>75</v>
      </c>
      <c r="C118" s="160"/>
      <c r="D118" s="160"/>
      <c r="E118" s="161"/>
      <c r="F118" s="95"/>
      <c r="G118" s="96"/>
    </row>
    <row r="119" spans="1:7" s="2" customFormat="1" ht="27.75" customHeight="1" x14ac:dyDescent="0.25">
      <c r="A119" s="131"/>
      <c r="B119" s="139" t="s">
        <v>76</v>
      </c>
      <c r="C119" s="140"/>
      <c r="D119" s="140"/>
      <c r="E119" s="152"/>
      <c r="F119" s="95"/>
      <c r="G119" s="96"/>
    </row>
    <row r="120" spans="1:7" s="2" customFormat="1" ht="27.75" customHeight="1" x14ac:dyDescent="0.25">
      <c r="A120" s="131"/>
      <c r="B120" s="159" t="s">
        <v>156</v>
      </c>
      <c r="C120" s="160"/>
      <c r="D120" s="160"/>
      <c r="E120" s="161"/>
      <c r="F120" s="95"/>
      <c r="G120" s="96"/>
    </row>
    <row r="121" spans="1:7" s="2" customFormat="1" ht="27.75" customHeight="1" x14ac:dyDescent="0.25">
      <c r="A121" s="131" t="s">
        <v>157</v>
      </c>
      <c r="B121" s="139" t="s">
        <v>74</v>
      </c>
      <c r="C121" s="140"/>
      <c r="D121" s="140"/>
      <c r="E121" s="152"/>
      <c r="F121" s="95"/>
      <c r="G121" s="96"/>
    </row>
    <row r="122" spans="1:7" s="2" customFormat="1" ht="27.75" customHeight="1" x14ac:dyDescent="0.25">
      <c r="A122" s="131"/>
      <c r="B122" s="139" t="s">
        <v>82</v>
      </c>
      <c r="C122" s="140"/>
      <c r="D122" s="140"/>
      <c r="E122" s="152"/>
      <c r="F122" s="95"/>
      <c r="G122" s="96"/>
    </row>
    <row r="123" spans="1:7" s="2" customFormat="1" ht="27.75" customHeight="1" x14ac:dyDescent="0.25">
      <c r="A123" s="131"/>
      <c r="B123" s="139" t="s">
        <v>76</v>
      </c>
      <c r="C123" s="140"/>
      <c r="D123" s="140"/>
      <c r="E123" s="152"/>
      <c r="F123" s="95"/>
      <c r="G123" s="96"/>
    </row>
    <row r="124" spans="1:7" s="2" customFormat="1" ht="27.75" customHeight="1" x14ac:dyDescent="0.25">
      <c r="A124" s="131"/>
      <c r="B124" s="159" t="s">
        <v>158</v>
      </c>
      <c r="C124" s="160"/>
      <c r="D124" s="160"/>
      <c r="E124" s="161"/>
      <c r="F124" s="95"/>
      <c r="G124" s="96"/>
    </row>
    <row r="125" spans="1:7" s="2" customFormat="1" ht="27.75" customHeight="1" x14ac:dyDescent="0.25">
      <c r="A125" s="131" t="s">
        <v>159</v>
      </c>
      <c r="B125" s="159" t="s">
        <v>78</v>
      </c>
      <c r="C125" s="160"/>
      <c r="D125" s="160"/>
      <c r="E125" s="161"/>
      <c r="F125" s="95"/>
      <c r="G125" s="96"/>
    </row>
    <row r="126" spans="1:7" s="2" customFormat="1" ht="27.75" customHeight="1" x14ac:dyDescent="0.25">
      <c r="A126" s="131"/>
      <c r="B126" s="159" t="s">
        <v>87</v>
      </c>
      <c r="C126" s="160"/>
      <c r="D126" s="160"/>
      <c r="E126" s="161"/>
      <c r="F126" s="95"/>
      <c r="G126" s="96"/>
    </row>
    <row r="127" spans="1:7" s="2" customFormat="1" ht="27.75" customHeight="1" x14ac:dyDescent="0.25">
      <c r="A127" s="131"/>
      <c r="B127" s="159" t="s">
        <v>76</v>
      </c>
      <c r="C127" s="160"/>
      <c r="D127" s="160"/>
      <c r="E127" s="161"/>
      <c r="F127" s="95"/>
      <c r="G127" s="96"/>
    </row>
    <row r="128" spans="1:7" s="2" customFormat="1" ht="27.75" customHeight="1" x14ac:dyDescent="0.25">
      <c r="A128" s="131"/>
      <c r="B128" s="159" t="s">
        <v>160</v>
      </c>
      <c r="C128" s="160"/>
      <c r="D128" s="160"/>
      <c r="E128" s="161"/>
      <c r="F128" s="95"/>
      <c r="G128" s="96"/>
    </row>
    <row r="129" spans="1:8" s="2" customFormat="1" ht="27.75" customHeight="1" x14ac:dyDescent="0.25">
      <c r="A129" s="131" t="s">
        <v>161</v>
      </c>
      <c r="B129" s="159" t="s">
        <v>81</v>
      </c>
      <c r="C129" s="160"/>
      <c r="D129" s="160"/>
      <c r="E129" s="161"/>
      <c r="F129" s="95"/>
      <c r="G129" s="96"/>
    </row>
    <row r="130" spans="1:8" s="2" customFormat="1" ht="27.75" customHeight="1" x14ac:dyDescent="0.25">
      <c r="A130" s="132"/>
      <c r="B130" s="159" t="s">
        <v>126</v>
      </c>
      <c r="C130" s="160"/>
      <c r="D130" s="160"/>
      <c r="E130" s="161"/>
      <c r="F130" s="95"/>
      <c r="G130" s="96"/>
    </row>
    <row r="131" spans="1:8" s="2" customFormat="1" ht="27.75" customHeight="1" x14ac:dyDescent="0.25">
      <c r="A131" s="132"/>
      <c r="B131" s="159" t="s">
        <v>79</v>
      </c>
      <c r="C131" s="160"/>
      <c r="D131" s="160"/>
      <c r="E131" s="161"/>
      <c r="F131" s="95"/>
      <c r="G131" s="96"/>
    </row>
    <row r="132" spans="1:8" s="2" customFormat="1" ht="27.75" customHeight="1" x14ac:dyDescent="0.25">
      <c r="A132" s="133"/>
      <c r="B132" s="162" t="s">
        <v>162</v>
      </c>
      <c r="C132" s="163"/>
      <c r="D132" s="163"/>
      <c r="E132" s="164"/>
      <c r="F132" s="95"/>
      <c r="G132" s="96"/>
    </row>
    <row r="133" spans="1:8" s="97" customFormat="1" ht="28.35" customHeight="1" x14ac:dyDescent="0.25">
      <c r="A133" s="170" t="s">
        <v>42</v>
      </c>
      <c r="B133" s="170"/>
      <c r="C133" s="170"/>
      <c r="D133" s="170"/>
      <c r="E133" s="170"/>
      <c r="F133" s="170"/>
      <c r="G133" s="170"/>
    </row>
    <row r="134" spans="1:8" ht="30" customHeight="1" x14ac:dyDescent="0.25">
      <c r="A134" s="165" t="s">
        <v>43</v>
      </c>
      <c r="B134" s="165"/>
      <c r="C134" s="165"/>
      <c r="D134" s="165"/>
      <c r="E134" s="166" t="str">
        <f>IF('[2]Príloha č. 1'!$C$6="","",'[2]Príloha č. 1'!$C$6)</f>
        <v/>
      </c>
      <c r="F134" s="166"/>
    </row>
    <row r="135" spans="1:8" ht="15" customHeight="1" x14ac:dyDescent="0.25">
      <c r="A135" s="165" t="s">
        <v>44</v>
      </c>
      <c r="B135" s="165"/>
      <c r="C135" s="165"/>
      <c r="D135" s="165"/>
      <c r="E135" s="166" t="str">
        <f>IF('[2]Príloha č. 1'!$C$7="","",'[2]Príloha č. 1'!$C$7)</f>
        <v/>
      </c>
      <c r="F135" s="166"/>
    </row>
    <row r="136" spans="1:8" x14ac:dyDescent="0.25">
      <c r="A136" s="165" t="s">
        <v>45</v>
      </c>
      <c r="B136" s="165"/>
      <c r="C136" s="165"/>
      <c r="D136" s="165"/>
      <c r="E136" s="166" t="str">
        <f>IF('[2]Príloha č. 1'!$C$8="","",'[2]Príloha č. 1'!$C$8)</f>
        <v/>
      </c>
      <c r="F136" s="166"/>
    </row>
    <row r="137" spans="1:8" x14ac:dyDescent="0.25">
      <c r="A137" s="165" t="s">
        <v>46</v>
      </c>
      <c r="B137" s="165"/>
      <c r="C137" s="165"/>
      <c r="D137" s="165"/>
      <c r="E137" s="166" t="str">
        <f>IF('[2]Príloha č. 1'!$C$9="","",'[2]Príloha č. 1'!$C$9)</f>
        <v/>
      </c>
      <c r="F137" s="166"/>
    </row>
    <row r="138" spans="1:8" s="98" customFormat="1" ht="30" customHeight="1" x14ac:dyDescent="0.25">
      <c r="A138" s="167" t="s">
        <v>47</v>
      </c>
      <c r="B138" s="167"/>
      <c r="C138" s="167"/>
      <c r="D138" s="167"/>
      <c r="E138" s="167"/>
      <c r="F138" s="167"/>
      <c r="G138" s="167"/>
    </row>
    <row r="139" spans="1:8" s="3" customFormat="1" ht="15.75" customHeight="1" x14ac:dyDescent="0.25">
      <c r="A139" s="165" t="s">
        <v>48</v>
      </c>
      <c r="B139" s="165"/>
      <c r="C139" s="165"/>
      <c r="D139" s="165"/>
      <c r="E139" s="168" t="str">
        <f>IF('[2]Príloha č. 1'!$C$12="","",'[2]Príloha č. 1'!$C$12)</f>
        <v/>
      </c>
      <c r="F139" s="168"/>
      <c r="H139" s="99"/>
    </row>
    <row r="140" spans="1:8" s="3" customFormat="1" x14ac:dyDescent="0.25">
      <c r="A140" s="169" t="s">
        <v>49</v>
      </c>
      <c r="B140" s="169"/>
      <c r="C140" s="169"/>
      <c r="D140" s="169"/>
      <c r="E140" s="166" t="str">
        <f>IF('[2]Príloha č. 1'!$C$13="","",'[2]Príloha č. 1'!$C$13)</f>
        <v/>
      </c>
      <c r="F140" s="166"/>
      <c r="H140" s="98"/>
    </row>
    <row r="141" spans="1:8" s="3" customFormat="1" x14ac:dyDescent="0.25">
      <c r="A141" s="165" t="s">
        <v>50</v>
      </c>
      <c r="B141" s="165"/>
      <c r="C141" s="165"/>
      <c r="D141" s="165"/>
      <c r="E141" s="166" t="str">
        <f>IF('[2]Príloha č. 1'!$C$14="","",'[2]Príloha č. 1'!$C$14)</f>
        <v/>
      </c>
      <c r="F141" s="166"/>
      <c r="H141" s="98"/>
    </row>
    <row r="142" spans="1:8" s="3" customFormat="1" x14ac:dyDescent="0.25">
      <c r="A142" s="165" t="s">
        <v>51</v>
      </c>
      <c r="B142" s="165"/>
      <c r="C142" s="165"/>
      <c r="D142" s="165"/>
      <c r="E142" s="166" t="str">
        <f>IF('[2]Príloha č. 1'!$C$15="","",'[2]Príloha č. 1'!$C$15)</f>
        <v/>
      </c>
      <c r="F142" s="166"/>
      <c r="H142" s="98"/>
    </row>
    <row r="144" spans="1:8" ht="15" customHeight="1" x14ac:dyDescent="0.25">
      <c r="A144" s="1" t="s">
        <v>0</v>
      </c>
      <c r="B144" s="142" t="str">
        <f>IF('[2]Príloha č. 1'!B24:C24="","",'[2]Príloha č. 1'!B24:C24)</f>
        <v/>
      </c>
      <c r="C144" s="142"/>
      <c r="D144" s="142"/>
    </row>
    <row r="145" spans="1:8" ht="15" customHeight="1" x14ac:dyDescent="0.25">
      <c r="A145" s="1" t="s">
        <v>1</v>
      </c>
      <c r="B145" s="174" t="str">
        <f>IF('[2]Príloha č. 1'!B25:C25="","",'[2]Príloha č. 1'!B25:C25)</f>
        <v/>
      </c>
      <c r="C145" s="174"/>
      <c r="D145" s="174"/>
      <c r="E145" s="100" t="s">
        <v>52</v>
      </c>
      <c r="G145" s="101"/>
    </row>
    <row r="146" spans="1:8" x14ac:dyDescent="0.25">
      <c r="E146" s="100" t="s">
        <v>53</v>
      </c>
      <c r="F146" s="171" t="str">
        <f>IF('[2]Príloha č. 1'!$D$29="","",'[2]Príloha č. 1'!$D$29)</f>
        <v/>
      </c>
      <c r="G146" s="171"/>
    </row>
    <row r="147" spans="1:8" x14ac:dyDescent="0.25">
      <c r="F147" s="100"/>
    </row>
    <row r="148" spans="1:8" ht="9.75" customHeight="1" x14ac:dyDescent="0.25">
      <c r="F148" s="100"/>
    </row>
    <row r="149" spans="1:8" s="102" customFormat="1" ht="11.25" x14ac:dyDescent="0.2">
      <c r="A149" s="172" t="s">
        <v>2</v>
      </c>
      <c r="B149" s="172"/>
      <c r="C149" s="172"/>
      <c r="D149" s="172"/>
      <c r="E149" s="134"/>
    </row>
    <row r="150" spans="1:8" s="104" customFormat="1" ht="15" customHeight="1" x14ac:dyDescent="0.2">
      <c r="A150" s="103"/>
      <c r="B150" s="173" t="s">
        <v>4</v>
      </c>
      <c r="C150" s="173"/>
      <c r="D150" s="173"/>
      <c r="G150" s="105"/>
      <c r="H150" s="106"/>
    </row>
  </sheetData>
  <mergeCells count="154">
    <mergeCell ref="F146:G146"/>
    <mergeCell ref="A149:D149"/>
    <mergeCell ref="B150:D150"/>
    <mergeCell ref="A141:D141"/>
    <mergeCell ref="E141:F141"/>
    <mergeCell ref="A142:D142"/>
    <mergeCell ref="E142:F142"/>
    <mergeCell ref="B144:D144"/>
    <mergeCell ref="B145:D145"/>
    <mergeCell ref="A137:D137"/>
    <mergeCell ref="E137:F137"/>
    <mergeCell ref="A138:G138"/>
    <mergeCell ref="A139:D139"/>
    <mergeCell ref="E139:F139"/>
    <mergeCell ref="A140:D140"/>
    <mergeCell ref="E140:F140"/>
    <mergeCell ref="A134:D134"/>
    <mergeCell ref="E134:F134"/>
    <mergeCell ref="A135:D135"/>
    <mergeCell ref="E135:F135"/>
    <mergeCell ref="A136:D136"/>
    <mergeCell ref="E136:F136"/>
    <mergeCell ref="B128:E128"/>
    <mergeCell ref="B129:E129"/>
    <mergeCell ref="B130:E130"/>
    <mergeCell ref="B131:E131"/>
    <mergeCell ref="B132:E132"/>
    <mergeCell ref="A133:G133"/>
    <mergeCell ref="B122:E122"/>
    <mergeCell ref="B123:E123"/>
    <mergeCell ref="B124:E124"/>
    <mergeCell ref="B125:E125"/>
    <mergeCell ref="B126:E126"/>
    <mergeCell ref="B127:E127"/>
    <mergeCell ref="B116:E116"/>
    <mergeCell ref="B117:E117"/>
    <mergeCell ref="B118:E118"/>
    <mergeCell ref="B119:E119"/>
    <mergeCell ref="B120:E120"/>
    <mergeCell ref="B121:E121"/>
    <mergeCell ref="B110:E110"/>
    <mergeCell ref="B111:E111"/>
    <mergeCell ref="B112:E112"/>
    <mergeCell ref="B113:E113"/>
    <mergeCell ref="A114:G114"/>
    <mergeCell ref="B115:E115"/>
    <mergeCell ref="B104:E104"/>
    <mergeCell ref="B105:E105"/>
    <mergeCell ref="B106:E106"/>
    <mergeCell ref="B107:E107"/>
    <mergeCell ref="B108:E108"/>
    <mergeCell ref="B109:E109"/>
    <mergeCell ref="B98:E98"/>
    <mergeCell ref="A99:G99"/>
    <mergeCell ref="B100:E100"/>
    <mergeCell ref="B101:E101"/>
    <mergeCell ref="B102:E102"/>
    <mergeCell ref="B103:E103"/>
    <mergeCell ref="B92:E92"/>
    <mergeCell ref="B93:E93"/>
    <mergeCell ref="B94:E94"/>
    <mergeCell ref="B95:E95"/>
    <mergeCell ref="B96:E96"/>
    <mergeCell ref="B97:E97"/>
    <mergeCell ref="B86:E86"/>
    <mergeCell ref="B87:E87"/>
    <mergeCell ref="B88:E88"/>
    <mergeCell ref="A89:G89"/>
    <mergeCell ref="B90:E90"/>
    <mergeCell ref="B91:E91"/>
    <mergeCell ref="B80:E80"/>
    <mergeCell ref="B81:E81"/>
    <mergeCell ref="B82:E82"/>
    <mergeCell ref="B83:E83"/>
    <mergeCell ref="B84:E84"/>
    <mergeCell ref="B85:E85"/>
    <mergeCell ref="A74:G74"/>
    <mergeCell ref="B75:E75"/>
    <mergeCell ref="B76:E76"/>
    <mergeCell ref="B77:E77"/>
    <mergeCell ref="B78:E78"/>
    <mergeCell ref="B79:E79"/>
    <mergeCell ref="B68:E68"/>
    <mergeCell ref="B69:E69"/>
    <mergeCell ref="B70:E70"/>
    <mergeCell ref="B71:E71"/>
    <mergeCell ref="B72:E72"/>
    <mergeCell ref="B73:E73"/>
    <mergeCell ref="B62:E62"/>
    <mergeCell ref="B63:E63"/>
    <mergeCell ref="B64:E64"/>
    <mergeCell ref="B65:E65"/>
    <mergeCell ref="B66:E66"/>
    <mergeCell ref="B67:E67"/>
    <mergeCell ref="B56:E56"/>
    <mergeCell ref="B57:E57"/>
    <mergeCell ref="B58:E58"/>
    <mergeCell ref="B59:E59"/>
    <mergeCell ref="B60:E60"/>
    <mergeCell ref="B61:E61"/>
    <mergeCell ref="B50:E50"/>
    <mergeCell ref="B51:E51"/>
    <mergeCell ref="B52:E52"/>
    <mergeCell ref="B53:E53"/>
    <mergeCell ref="B54:E54"/>
    <mergeCell ref="B55:E55"/>
    <mergeCell ref="B44:E44"/>
    <mergeCell ref="B45:E45"/>
    <mergeCell ref="B46:E46"/>
    <mergeCell ref="B47:E47"/>
    <mergeCell ref="B48:E48"/>
    <mergeCell ref="B49:E49"/>
    <mergeCell ref="B38:E38"/>
    <mergeCell ref="A39:G39"/>
    <mergeCell ref="B40:E40"/>
    <mergeCell ref="B41:E41"/>
    <mergeCell ref="B42:E42"/>
    <mergeCell ref="B43:E43"/>
    <mergeCell ref="B32:E32"/>
    <mergeCell ref="B33:E33"/>
    <mergeCell ref="B34:E34"/>
    <mergeCell ref="B35:E35"/>
    <mergeCell ref="B36:E36"/>
    <mergeCell ref="B37:E37"/>
    <mergeCell ref="B26:E26"/>
    <mergeCell ref="B27:E27"/>
    <mergeCell ref="B28:E28"/>
    <mergeCell ref="B29:E29"/>
    <mergeCell ref="B30:E30"/>
    <mergeCell ref="B31:E31"/>
    <mergeCell ref="B20:E20"/>
    <mergeCell ref="B21:E21"/>
    <mergeCell ref="B22:E22"/>
    <mergeCell ref="B23:E23"/>
    <mergeCell ref="B24:E24"/>
    <mergeCell ref="B25:E25"/>
    <mergeCell ref="B14:E14"/>
    <mergeCell ref="B15:E15"/>
    <mergeCell ref="B16:E16"/>
    <mergeCell ref="B17:E17"/>
    <mergeCell ref="B18:E18"/>
    <mergeCell ref="B19:E19"/>
    <mergeCell ref="A8:G8"/>
    <mergeCell ref="B9:E9"/>
    <mergeCell ref="B10:E10"/>
    <mergeCell ref="B11:E11"/>
    <mergeCell ref="B12:E12"/>
    <mergeCell ref="B13:E13"/>
    <mergeCell ref="A1:D1"/>
    <mergeCell ref="A2:G2"/>
    <mergeCell ref="A3:F3"/>
    <mergeCell ref="A4:G4"/>
    <mergeCell ref="A6:E7"/>
    <mergeCell ref="F6:G6"/>
  </mergeCells>
  <conditionalFormatting sqref="E134:F137">
    <cfRule type="containsBlanks" dxfId="8" priority="9">
      <formula>LEN(TRIM(E134))=0</formula>
    </cfRule>
  </conditionalFormatting>
  <conditionalFormatting sqref="E134:F137">
    <cfRule type="containsBlanks" dxfId="7" priority="8">
      <formula>LEN(TRIM(E134))=0</formula>
    </cfRule>
  </conditionalFormatting>
  <conditionalFormatting sqref="B144:D145">
    <cfRule type="containsBlanks" dxfId="6" priority="7">
      <formula>LEN(TRIM(B144))=0</formula>
    </cfRule>
  </conditionalFormatting>
  <conditionalFormatting sqref="E139:F139">
    <cfRule type="containsBlanks" dxfId="5" priority="6">
      <formula>LEN(TRIM(E139))=0</formula>
    </cfRule>
  </conditionalFormatting>
  <conditionalFormatting sqref="E140:F142">
    <cfRule type="containsBlanks" dxfId="4" priority="5">
      <formula>LEN(TRIM(E140))=0</formula>
    </cfRule>
  </conditionalFormatting>
  <conditionalFormatting sqref="E139:F142">
    <cfRule type="containsBlanks" dxfId="3" priority="4">
      <formula>LEN(TRIM(E139))=0</formula>
    </cfRule>
  </conditionalFormatting>
  <conditionalFormatting sqref="A150">
    <cfRule type="containsBlanks" dxfId="2" priority="3">
      <formula>LEN(TRIM(A150))=0</formula>
    </cfRule>
  </conditionalFormatting>
  <conditionalFormatting sqref="F146:G146">
    <cfRule type="containsBlanks" dxfId="1" priority="1">
      <formula>LEN(TRIM(F146))=0</formula>
    </cfRule>
  </conditionalFormatting>
  <conditionalFormatting sqref="F146:G146">
    <cfRule type="containsBlanks" dxfId="0" priority="2">
      <formula>LEN(TRIM(F146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34" max="6" man="1"/>
    <brk id="69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62"/>
  <sheetViews>
    <sheetView showGridLines="0" zoomScaleNormal="100" workbookViewId="0">
      <selection activeCell="B19" sqref="B19"/>
    </sheetView>
  </sheetViews>
  <sheetFormatPr defaultRowHeight="15" x14ac:dyDescent="0.25"/>
  <cols>
    <col min="1" max="1" width="5.7109375" style="90" customWidth="1"/>
    <col min="2" max="3" width="25.7109375" style="90" customWidth="1"/>
    <col min="4" max="7" width="12.7109375" style="90" customWidth="1"/>
    <col min="8" max="8" width="8.7109375" style="90" customWidth="1"/>
    <col min="9" max="9" width="12.7109375" style="90" customWidth="1"/>
    <col min="10" max="10" width="10.5703125" style="90" customWidth="1"/>
    <col min="11" max="11" width="12.7109375" style="90" customWidth="1"/>
    <col min="12" max="12" width="17.5703125" style="90" customWidth="1"/>
    <col min="13" max="71" width="9.140625" style="91"/>
    <col min="72" max="16384" width="9.140625" style="90"/>
  </cols>
  <sheetData>
    <row r="1" spans="1:71" s="44" customFormat="1" ht="15" customHeight="1" x14ac:dyDescent="0.25">
      <c r="A1" s="175" t="s">
        <v>3</v>
      </c>
      <c r="B1" s="175"/>
      <c r="C1" s="127"/>
      <c r="D1" s="127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76" t="s">
        <v>170</v>
      </c>
      <c r="B2" s="176"/>
      <c r="C2" s="176"/>
      <c r="D2" s="176"/>
      <c r="E2" s="176"/>
      <c r="F2" s="176"/>
      <c r="G2" s="176"/>
      <c r="H2" s="176"/>
      <c r="I2" s="176"/>
      <c r="J2" s="176"/>
      <c r="K2" s="176"/>
      <c r="L2" s="176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6" customFormat="1" ht="15" customHeight="1" x14ac:dyDescent="0.25">
      <c r="A3" s="177"/>
      <c r="B3" s="177"/>
      <c r="C3" s="177"/>
      <c r="D3" s="177"/>
      <c r="E3" s="177"/>
      <c r="F3" s="128"/>
      <c r="G3" s="128"/>
      <c r="H3" s="128"/>
    </row>
    <row r="4" spans="1:71" s="48" customFormat="1" ht="30" customHeight="1" x14ac:dyDescent="0.25">
      <c r="A4" s="178" t="s">
        <v>23</v>
      </c>
      <c r="B4" s="178"/>
      <c r="C4" s="178"/>
      <c r="D4" s="178"/>
      <c r="E4" s="178"/>
      <c r="F4" s="178"/>
      <c r="G4" s="178"/>
      <c r="H4" s="178"/>
      <c r="I4" s="178"/>
      <c r="J4" s="178"/>
      <c r="K4" s="178"/>
      <c r="L4" s="44"/>
      <c r="M4" s="47"/>
      <c r="N4" s="47"/>
      <c r="O4" s="47"/>
      <c r="P4" s="47"/>
      <c r="Q4" s="47"/>
      <c r="R4" s="47"/>
      <c r="S4" s="47"/>
      <c r="T4" s="47"/>
      <c r="U4" s="47"/>
      <c r="V4" s="47"/>
      <c r="W4" s="47"/>
      <c r="X4" s="47"/>
      <c r="Y4" s="47"/>
      <c r="Z4" s="47"/>
      <c r="AA4" s="47"/>
      <c r="AB4" s="47"/>
      <c r="AC4" s="47"/>
      <c r="AD4" s="47"/>
      <c r="AE4" s="47"/>
      <c r="AF4" s="47"/>
      <c r="AG4" s="47"/>
      <c r="AH4" s="47"/>
      <c r="AI4" s="47"/>
      <c r="AJ4" s="47"/>
      <c r="AK4" s="47"/>
      <c r="AL4" s="47"/>
      <c r="AM4" s="47"/>
      <c r="AN4" s="47"/>
      <c r="AO4" s="47"/>
      <c r="AP4" s="47"/>
      <c r="AQ4" s="47"/>
      <c r="AR4" s="47"/>
      <c r="AS4" s="47"/>
      <c r="AT4" s="47"/>
      <c r="AU4" s="47"/>
      <c r="AV4" s="47"/>
      <c r="AW4" s="47"/>
      <c r="AX4" s="47"/>
      <c r="AY4" s="47"/>
      <c r="AZ4" s="47"/>
      <c r="BA4" s="47"/>
      <c r="BB4" s="47"/>
      <c r="BC4" s="47"/>
      <c r="BD4" s="47"/>
      <c r="BE4" s="47"/>
      <c r="BF4" s="47"/>
      <c r="BG4" s="47"/>
      <c r="BH4" s="47"/>
      <c r="BI4" s="47"/>
      <c r="BJ4" s="47"/>
      <c r="BK4" s="47"/>
      <c r="BL4" s="47"/>
      <c r="BM4" s="47"/>
      <c r="BN4" s="47"/>
      <c r="BO4" s="47"/>
      <c r="BP4" s="47"/>
      <c r="BQ4" s="47"/>
      <c r="BR4" s="47"/>
      <c r="BS4" s="47"/>
    </row>
    <row r="5" spans="1:71" s="49" customFormat="1" ht="30" customHeight="1" thickBot="1" x14ac:dyDescent="0.3">
      <c r="A5" s="179" t="s">
        <v>163</v>
      </c>
      <c r="B5" s="179"/>
      <c r="C5" s="179"/>
      <c r="D5" s="179"/>
      <c r="E5" s="179"/>
      <c r="F5" s="179"/>
      <c r="G5" s="179"/>
      <c r="H5" s="179"/>
      <c r="I5" s="179"/>
      <c r="J5" s="179"/>
      <c r="K5" s="179"/>
    </row>
    <row r="6" spans="1:71" s="50" customFormat="1" ht="15" customHeight="1" x14ac:dyDescent="0.25">
      <c r="A6" s="189" t="s">
        <v>24</v>
      </c>
      <c r="B6" s="191" t="s">
        <v>25</v>
      </c>
      <c r="C6" s="193" t="s">
        <v>26</v>
      </c>
      <c r="D6" s="195" t="s">
        <v>27</v>
      </c>
      <c r="E6" s="197" t="s">
        <v>28</v>
      </c>
      <c r="F6" s="180" t="s">
        <v>29</v>
      </c>
      <c r="G6" s="182" t="s">
        <v>30</v>
      </c>
      <c r="H6" s="184" t="s">
        <v>31</v>
      </c>
      <c r="I6" s="186" t="s">
        <v>32</v>
      </c>
      <c r="J6" s="187"/>
      <c r="K6" s="188"/>
    </row>
    <row r="7" spans="1:71" s="50" customFormat="1" ht="65.099999999999994" customHeight="1" x14ac:dyDescent="0.25">
      <c r="A7" s="190"/>
      <c r="B7" s="192"/>
      <c r="C7" s="194"/>
      <c r="D7" s="196"/>
      <c r="E7" s="198"/>
      <c r="F7" s="181"/>
      <c r="G7" s="183"/>
      <c r="H7" s="185"/>
      <c r="I7" s="107" t="s">
        <v>33</v>
      </c>
      <c r="J7" s="51" t="s">
        <v>34</v>
      </c>
      <c r="K7" s="52" t="s">
        <v>35</v>
      </c>
    </row>
    <row r="8" spans="1:71" s="61" customFormat="1" ht="12" customHeight="1" x14ac:dyDescent="0.25">
      <c r="A8" s="108" t="s">
        <v>5</v>
      </c>
      <c r="B8" s="109" t="s">
        <v>6</v>
      </c>
      <c r="C8" s="109" t="s">
        <v>7</v>
      </c>
      <c r="D8" s="58" t="s">
        <v>8</v>
      </c>
      <c r="E8" s="110" t="s">
        <v>10</v>
      </c>
      <c r="F8" s="58" t="s">
        <v>11</v>
      </c>
      <c r="G8" s="110" t="s">
        <v>12</v>
      </c>
      <c r="H8" s="57" t="s">
        <v>13</v>
      </c>
      <c r="I8" s="58" t="s">
        <v>14</v>
      </c>
      <c r="J8" s="59" t="s">
        <v>36</v>
      </c>
      <c r="K8" s="60" t="s">
        <v>37</v>
      </c>
    </row>
    <row r="9" spans="1:71" s="61" customFormat="1" ht="24.95" customHeight="1" x14ac:dyDescent="0.25">
      <c r="A9" s="62"/>
      <c r="B9" s="63"/>
      <c r="C9" s="64"/>
      <c r="D9" s="65"/>
      <c r="E9" s="66"/>
      <c r="F9" s="67"/>
      <c r="G9" s="68"/>
      <c r="H9" s="69"/>
      <c r="I9" s="111"/>
      <c r="J9" s="112"/>
      <c r="K9" s="113"/>
    </row>
    <row r="10" spans="1:71" s="61" customFormat="1" ht="24.95" customHeight="1" x14ac:dyDescent="0.25">
      <c r="A10" s="70"/>
      <c r="B10" s="71"/>
      <c r="C10" s="72"/>
      <c r="D10" s="73"/>
      <c r="E10" s="74"/>
      <c r="F10" s="75"/>
      <c r="G10" s="76"/>
      <c r="H10" s="77"/>
      <c r="I10" s="114"/>
      <c r="J10" s="115"/>
      <c r="K10" s="116"/>
    </row>
    <row r="11" spans="1:71" s="61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85"/>
      <c r="I11" s="117"/>
      <c r="J11" s="118"/>
      <c r="K11" s="119"/>
    </row>
    <row r="12" spans="1:71" s="61" customFormat="1" ht="12" customHeight="1" x14ac:dyDescent="0.25">
      <c r="A12" s="86"/>
      <c r="B12" s="87"/>
      <c r="C12" s="87"/>
      <c r="D12" s="86"/>
      <c r="E12" s="86"/>
      <c r="F12" s="86"/>
      <c r="G12" s="86"/>
      <c r="H12" s="86"/>
      <c r="I12" s="88"/>
      <c r="J12" s="89"/>
      <c r="K12" s="88"/>
    </row>
    <row r="13" spans="1:71" s="49" customFormat="1" ht="30" customHeight="1" thickBot="1" x14ac:dyDescent="0.3">
      <c r="A13" s="179" t="s">
        <v>164</v>
      </c>
      <c r="B13" s="179"/>
      <c r="C13" s="179"/>
      <c r="D13" s="179"/>
      <c r="E13" s="179"/>
      <c r="F13" s="179"/>
      <c r="G13" s="179"/>
      <c r="H13" s="179"/>
      <c r="I13" s="179"/>
      <c r="J13" s="179"/>
      <c r="K13" s="179"/>
    </row>
    <row r="14" spans="1:71" s="50" customFormat="1" ht="15" customHeight="1" x14ac:dyDescent="0.25">
      <c r="A14" s="189" t="s">
        <v>24</v>
      </c>
      <c r="B14" s="191" t="s">
        <v>25</v>
      </c>
      <c r="C14" s="193" t="s">
        <v>26</v>
      </c>
      <c r="D14" s="195" t="s">
        <v>27</v>
      </c>
      <c r="E14" s="197" t="s">
        <v>28</v>
      </c>
      <c r="F14" s="180" t="s">
        <v>29</v>
      </c>
      <c r="G14" s="182" t="s">
        <v>30</v>
      </c>
      <c r="H14" s="184" t="s">
        <v>31</v>
      </c>
      <c r="I14" s="186" t="s">
        <v>32</v>
      </c>
      <c r="J14" s="187"/>
      <c r="K14" s="188"/>
    </row>
    <row r="15" spans="1:71" s="50" customFormat="1" ht="65.099999999999994" customHeight="1" x14ac:dyDescent="0.25">
      <c r="A15" s="190"/>
      <c r="B15" s="192"/>
      <c r="C15" s="194"/>
      <c r="D15" s="196"/>
      <c r="E15" s="198"/>
      <c r="F15" s="181"/>
      <c r="G15" s="183"/>
      <c r="H15" s="185"/>
      <c r="I15" s="107" t="s">
        <v>33</v>
      </c>
      <c r="J15" s="51" t="s">
        <v>34</v>
      </c>
      <c r="K15" s="52" t="s">
        <v>35</v>
      </c>
    </row>
    <row r="16" spans="1:71" s="61" customFormat="1" ht="12" customHeight="1" x14ac:dyDescent="0.25">
      <c r="A16" s="53" t="s">
        <v>5</v>
      </c>
      <c r="B16" s="54" t="s">
        <v>6</v>
      </c>
      <c r="C16" s="54" t="s">
        <v>7</v>
      </c>
      <c r="D16" s="55" t="s">
        <v>8</v>
      </c>
      <c r="E16" s="56" t="s">
        <v>10</v>
      </c>
      <c r="F16" s="55" t="s">
        <v>11</v>
      </c>
      <c r="G16" s="56" t="s">
        <v>12</v>
      </c>
      <c r="H16" s="57" t="s">
        <v>13</v>
      </c>
      <c r="I16" s="58" t="s">
        <v>14</v>
      </c>
      <c r="J16" s="59" t="s">
        <v>36</v>
      </c>
      <c r="K16" s="60" t="s">
        <v>37</v>
      </c>
    </row>
    <row r="17" spans="1:11" s="61" customFormat="1" ht="24.95" customHeight="1" x14ac:dyDescent="0.25">
      <c r="A17" s="62"/>
      <c r="B17" s="63"/>
      <c r="C17" s="64"/>
      <c r="D17" s="65"/>
      <c r="E17" s="66"/>
      <c r="F17" s="67"/>
      <c r="G17" s="68"/>
      <c r="H17" s="69"/>
      <c r="I17" s="111"/>
      <c r="J17" s="112"/>
      <c r="K17" s="113"/>
    </row>
    <row r="18" spans="1:11" s="61" customFormat="1" ht="24.95" customHeight="1" x14ac:dyDescent="0.25">
      <c r="A18" s="70"/>
      <c r="B18" s="71"/>
      <c r="C18" s="72"/>
      <c r="D18" s="73"/>
      <c r="E18" s="74"/>
      <c r="F18" s="75"/>
      <c r="G18" s="76"/>
      <c r="H18" s="77"/>
      <c r="I18" s="114"/>
      <c r="J18" s="115"/>
      <c r="K18" s="116"/>
    </row>
    <row r="19" spans="1:11" s="61" customFormat="1" ht="24.95" customHeight="1" thickBot="1" x14ac:dyDescent="0.3">
      <c r="A19" s="78"/>
      <c r="B19" s="79"/>
      <c r="C19" s="80"/>
      <c r="D19" s="81"/>
      <c r="E19" s="82"/>
      <c r="F19" s="83"/>
      <c r="G19" s="84"/>
      <c r="H19" s="85"/>
      <c r="I19" s="117"/>
      <c r="J19" s="118"/>
      <c r="K19" s="119"/>
    </row>
    <row r="20" spans="1:11" s="61" customFormat="1" ht="12" customHeight="1" x14ac:dyDescent="0.25">
      <c r="A20" s="86"/>
      <c r="B20" s="87"/>
      <c r="C20" s="87"/>
      <c r="D20" s="86"/>
      <c r="E20" s="86"/>
      <c r="F20" s="86"/>
      <c r="G20" s="86"/>
      <c r="H20" s="86"/>
      <c r="I20" s="88"/>
      <c r="J20" s="89"/>
      <c r="K20" s="88"/>
    </row>
    <row r="21" spans="1:11" s="49" customFormat="1" ht="30" customHeight="1" thickBot="1" x14ac:dyDescent="0.3">
      <c r="A21" s="179" t="s">
        <v>165</v>
      </c>
      <c r="B21" s="179"/>
      <c r="C21" s="179"/>
      <c r="D21" s="179"/>
      <c r="E21" s="179"/>
      <c r="F21" s="179"/>
      <c r="G21" s="179"/>
      <c r="H21" s="179"/>
      <c r="I21" s="179"/>
      <c r="J21" s="179"/>
      <c r="K21" s="179"/>
    </row>
    <row r="22" spans="1:11" s="50" customFormat="1" ht="15" customHeight="1" x14ac:dyDescent="0.25">
      <c r="A22" s="189" t="s">
        <v>24</v>
      </c>
      <c r="B22" s="191" t="s">
        <v>25</v>
      </c>
      <c r="C22" s="193" t="s">
        <v>26</v>
      </c>
      <c r="D22" s="195" t="s">
        <v>27</v>
      </c>
      <c r="E22" s="197" t="s">
        <v>28</v>
      </c>
      <c r="F22" s="180" t="s">
        <v>29</v>
      </c>
      <c r="G22" s="182" t="s">
        <v>30</v>
      </c>
      <c r="H22" s="184" t="s">
        <v>31</v>
      </c>
      <c r="I22" s="186" t="s">
        <v>32</v>
      </c>
      <c r="J22" s="187"/>
      <c r="K22" s="188"/>
    </row>
    <row r="23" spans="1:11" s="50" customFormat="1" ht="65.099999999999994" customHeight="1" x14ac:dyDescent="0.25">
      <c r="A23" s="190"/>
      <c r="B23" s="192"/>
      <c r="C23" s="194"/>
      <c r="D23" s="196"/>
      <c r="E23" s="198"/>
      <c r="F23" s="181"/>
      <c r="G23" s="183"/>
      <c r="H23" s="185"/>
      <c r="I23" s="107" t="s">
        <v>33</v>
      </c>
      <c r="J23" s="51" t="s">
        <v>34</v>
      </c>
      <c r="K23" s="52" t="s">
        <v>35</v>
      </c>
    </row>
    <row r="24" spans="1:11" s="61" customFormat="1" ht="12" customHeight="1" x14ac:dyDescent="0.25">
      <c r="A24" s="53" t="s">
        <v>5</v>
      </c>
      <c r="B24" s="54" t="s">
        <v>6</v>
      </c>
      <c r="C24" s="54" t="s">
        <v>7</v>
      </c>
      <c r="D24" s="55" t="s">
        <v>8</v>
      </c>
      <c r="E24" s="56" t="s">
        <v>10</v>
      </c>
      <c r="F24" s="55" t="s">
        <v>11</v>
      </c>
      <c r="G24" s="56" t="s">
        <v>12</v>
      </c>
      <c r="H24" s="57" t="s">
        <v>13</v>
      </c>
      <c r="I24" s="58" t="s">
        <v>14</v>
      </c>
      <c r="J24" s="59" t="s">
        <v>36</v>
      </c>
      <c r="K24" s="60" t="s">
        <v>37</v>
      </c>
    </row>
    <row r="25" spans="1:11" s="61" customFormat="1" ht="24.95" customHeight="1" x14ac:dyDescent="0.25">
      <c r="A25" s="62"/>
      <c r="B25" s="63"/>
      <c r="C25" s="64"/>
      <c r="D25" s="65"/>
      <c r="E25" s="66"/>
      <c r="F25" s="67"/>
      <c r="G25" s="68"/>
      <c r="H25" s="69"/>
      <c r="I25" s="111"/>
      <c r="J25" s="112"/>
      <c r="K25" s="113"/>
    </row>
    <row r="26" spans="1:11" s="61" customFormat="1" ht="24.95" customHeight="1" x14ac:dyDescent="0.25">
      <c r="A26" s="70"/>
      <c r="B26" s="71"/>
      <c r="C26" s="72"/>
      <c r="D26" s="73"/>
      <c r="E26" s="74"/>
      <c r="F26" s="75"/>
      <c r="G26" s="76"/>
      <c r="H26" s="77"/>
      <c r="I26" s="114"/>
      <c r="J26" s="115"/>
      <c r="K26" s="116"/>
    </row>
    <row r="27" spans="1:11" s="61" customFormat="1" ht="24.95" customHeight="1" thickBot="1" x14ac:dyDescent="0.3">
      <c r="A27" s="78"/>
      <c r="B27" s="79"/>
      <c r="C27" s="80"/>
      <c r="D27" s="81"/>
      <c r="E27" s="82"/>
      <c r="F27" s="83"/>
      <c r="G27" s="84"/>
      <c r="H27" s="85"/>
      <c r="I27" s="117"/>
      <c r="J27" s="118"/>
      <c r="K27" s="119"/>
    </row>
    <row r="28" spans="1:11" s="61" customFormat="1" ht="12" customHeight="1" x14ac:dyDescent="0.25">
      <c r="A28" s="86"/>
      <c r="B28" s="87"/>
      <c r="C28" s="87"/>
      <c r="D28" s="86"/>
      <c r="E28" s="86"/>
      <c r="F28" s="86"/>
      <c r="G28" s="86"/>
      <c r="H28" s="86"/>
      <c r="I28" s="88"/>
      <c r="J28" s="89"/>
      <c r="K28" s="88"/>
    </row>
    <row r="29" spans="1:11" s="49" customFormat="1" ht="30" customHeight="1" thickBot="1" x14ac:dyDescent="0.3">
      <c r="A29" s="179" t="s">
        <v>166</v>
      </c>
      <c r="B29" s="179"/>
      <c r="C29" s="179"/>
      <c r="D29" s="179"/>
      <c r="E29" s="179"/>
      <c r="F29" s="179"/>
      <c r="G29" s="179"/>
      <c r="H29" s="179"/>
      <c r="I29" s="179"/>
      <c r="J29" s="179"/>
      <c r="K29" s="179"/>
    </row>
    <row r="30" spans="1:11" s="50" customFormat="1" ht="15" customHeight="1" x14ac:dyDescent="0.25">
      <c r="A30" s="189" t="s">
        <v>24</v>
      </c>
      <c r="B30" s="191" t="s">
        <v>25</v>
      </c>
      <c r="C30" s="193" t="s">
        <v>26</v>
      </c>
      <c r="D30" s="195" t="s">
        <v>27</v>
      </c>
      <c r="E30" s="197" t="s">
        <v>28</v>
      </c>
      <c r="F30" s="180" t="s">
        <v>29</v>
      </c>
      <c r="G30" s="182" t="s">
        <v>30</v>
      </c>
      <c r="H30" s="184" t="s">
        <v>31</v>
      </c>
      <c r="I30" s="186" t="s">
        <v>32</v>
      </c>
      <c r="J30" s="187"/>
      <c r="K30" s="188"/>
    </row>
    <row r="31" spans="1:11" s="50" customFormat="1" ht="65.099999999999994" customHeight="1" x14ac:dyDescent="0.25">
      <c r="A31" s="190"/>
      <c r="B31" s="192"/>
      <c r="C31" s="194"/>
      <c r="D31" s="196"/>
      <c r="E31" s="198"/>
      <c r="F31" s="181"/>
      <c r="G31" s="183"/>
      <c r="H31" s="185"/>
      <c r="I31" s="107" t="s">
        <v>33</v>
      </c>
      <c r="J31" s="51" t="s">
        <v>34</v>
      </c>
      <c r="K31" s="52" t="s">
        <v>35</v>
      </c>
    </row>
    <row r="32" spans="1:11" s="61" customFormat="1" ht="12" customHeight="1" x14ac:dyDescent="0.25">
      <c r="A32" s="53" t="s">
        <v>5</v>
      </c>
      <c r="B32" s="54" t="s">
        <v>6</v>
      </c>
      <c r="C32" s="54" t="s">
        <v>7</v>
      </c>
      <c r="D32" s="55" t="s">
        <v>8</v>
      </c>
      <c r="E32" s="56" t="s">
        <v>10</v>
      </c>
      <c r="F32" s="55" t="s">
        <v>11</v>
      </c>
      <c r="G32" s="56" t="s">
        <v>12</v>
      </c>
      <c r="H32" s="57" t="s">
        <v>13</v>
      </c>
      <c r="I32" s="58" t="s">
        <v>14</v>
      </c>
      <c r="J32" s="59" t="s">
        <v>36</v>
      </c>
      <c r="K32" s="60" t="s">
        <v>37</v>
      </c>
    </row>
    <row r="33" spans="1:11" s="61" customFormat="1" ht="24.95" customHeight="1" x14ac:dyDescent="0.25">
      <c r="A33" s="62"/>
      <c r="B33" s="63"/>
      <c r="C33" s="64"/>
      <c r="D33" s="65"/>
      <c r="E33" s="66"/>
      <c r="F33" s="67"/>
      <c r="G33" s="68"/>
      <c r="H33" s="69"/>
      <c r="I33" s="111"/>
      <c r="J33" s="112"/>
      <c r="K33" s="113"/>
    </row>
    <row r="34" spans="1:11" s="61" customFormat="1" ht="24.95" customHeight="1" x14ac:dyDescent="0.25">
      <c r="A34" s="70"/>
      <c r="B34" s="71"/>
      <c r="C34" s="72"/>
      <c r="D34" s="73"/>
      <c r="E34" s="74"/>
      <c r="F34" s="75"/>
      <c r="G34" s="76"/>
      <c r="H34" s="77"/>
      <c r="I34" s="114"/>
      <c r="J34" s="115"/>
      <c r="K34" s="116"/>
    </row>
    <row r="35" spans="1:11" s="61" customFormat="1" ht="24.95" customHeight="1" thickBot="1" x14ac:dyDescent="0.3">
      <c r="A35" s="78"/>
      <c r="B35" s="79"/>
      <c r="C35" s="80"/>
      <c r="D35" s="81"/>
      <c r="E35" s="82"/>
      <c r="F35" s="83"/>
      <c r="G35" s="84"/>
      <c r="H35" s="85"/>
      <c r="I35" s="117"/>
      <c r="J35" s="118"/>
      <c r="K35" s="119"/>
    </row>
    <row r="36" spans="1:11" s="61" customFormat="1" ht="12" customHeight="1" x14ac:dyDescent="0.25">
      <c r="A36" s="86"/>
      <c r="B36" s="87"/>
      <c r="C36" s="87"/>
      <c r="D36" s="86"/>
      <c r="E36" s="86"/>
      <c r="F36" s="86"/>
      <c r="G36" s="86"/>
      <c r="H36" s="86"/>
      <c r="I36" s="88"/>
      <c r="J36" s="89"/>
      <c r="K36" s="88"/>
    </row>
    <row r="37" spans="1:11" s="49" customFormat="1" ht="30" customHeight="1" thickBot="1" x14ac:dyDescent="0.3">
      <c r="A37" s="179" t="s">
        <v>167</v>
      </c>
      <c r="B37" s="179"/>
      <c r="C37" s="179"/>
      <c r="D37" s="179"/>
      <c r="E37" s="179"/>
      <c r="F37" s="179"/>
      <c r="G37" s="179"/>
      <c r="H37" s="179"/>
      <c r="I37" s="179"/>
      <c r="J37" s="179"/>
      <c r="K37" s="179"/>
    </row>
    <row r="38" spans="1:11" s="50" customFormat="1" ht="15" customHeight="1" x14ac:dyDescent="0.25">
      <c r="A38" s="189" t="s">
        <v>24</v>
      </c>
      <c r="B38" s="191" t="s">
        <v>25</v>
      </c>
      <c r="C38" s="193" t="s">
        <v>26</v>
      </c>
      <c r="D38" s="195" t="s">
        <v>27</v>
      </c>
      <c r="E38" s="197" t="s">
        <v>28</v>
      </c>
      <c r="F38" s="180" t="s">
        <v>29</v>
      </c>
      <c r="G38" s="182" t="s">
        <v>30</v>
      </c>
      <c r="H38" s="184" t="s">
        <v>31</v>
      </c>
      <c r="I38" s="186" t="s">
        <v>32</v>
      </c>
      <c r="J38" s="187"/>
      <c r="K38" s="188"/>
    </row>
    <row r="39" spans="1:11" s="50" customFormat="1" ht="65.099999999999994" customHeight="1" x14ac:dyDescent="0.25">
      <c r="A39" s="190"/>
      <c r="B39" s="192"/>
      <c r="C39" s="194"/>
      <c r="D39" s="196"/>
      <c r="E39" s="198"/>
      <c r="F39" s="181"/>
      <c r="G39" s="183"/>
      <c r="H39" s="185"/>
      <c r="I39" s="107" t="s">
        <v>33</v>
      </c>
      <c r="J39" s="51" t="s">
        <v>34</v>
      </c>
      <c r="K39" s="52" t="s">
        <v>35</v>
      </c>
    </row>
    <row r="40" spans="1:11" s="61" customFormat="1" ht="12" customHeight="1" x14ac:dyDescent="0.25">
      <c r="A40" s="53" t="s">
        <v>5</v>
      </c>
      <c r="B40" s="54" t="s">
        <v>6</v>
      </c>
      <c r="C40" s="54" t="s">
        <v>7</v>
      </c>
      <c r="D40" s="55" t="s">
        <v>8</v>
      </c>
      <c r="E40" s="56" t="s">
        <v>10</v>
      </c>
      <c r="F40" s="55" t="s">
        <v>11</v>
      </c>
      <c r="G40" s="56" t="s">
        <v>12</v>
      </c>
      <c r="H40" s="57" t="s">
        <v>13</v>
      </c>
      <c r="I40" s="58" t="s">
        <v>14</v>
      </c>
      <c r="J40" s="59" t="s">
        <v>36</v>
      </c>
      <c r="K40" s="60" t="s">
        <v>37</v>
      </c>
    </row>
    <row r="41" spans="1:11" s="61" customFormat="1" ht="24.95" customHeight="1" x14ac:dyDescent="0.25">
      <c r="A41" s="62"/>
      <c r="B41" s="63"/>
      <c r="C41" s="64"/>
      <c r="D41" s="65"/>
      <c r="E41" s="66"/>
      <c r="F41" s="67"/>
      <c r="G41" s="68"/>
      <c r="H41" s="69"/>
      <c r="I41" s="111"/>
      <c r="J41" s="112"/>
      <c r="K41" s="113"/>
    </row>
    <row r="42" spans="1:11" s="61" customFormat="1" ht="24.95" customHeight="1" x14ac:dyDescent="0.25">
      <c r="A42" s="70"/>
      <c r="B42" s="71"/>
      <c r="C42" s="72"/>
      <c r="D42" s="73"/>
      <c r="E42" s="74"/>
      <c r="F42" s="75"/>
      <c r="G42" s="76"/>
      <c r="H42" s="77"/>
      <c r="I42" s="114"/>
      <c r="J42" s="115"/>
      <c r="K42" s="116"/>
    </row>
    <row r="43" spans="1:11" s="61" customFormat="1" ht="24.95" customHeight="1" thickBot="1" x14ac:dyDescent="0.3">
      <c r="A43" s="78"/>
      <c r="B43" s="79"/>
      <c r="C43" s="80"/>
      <c r="D43" s="81"/>
      <c r="E43" s="82"/>
      <c r="F43" s="83"/>
      <c r="G43" s="84"/>
      <c r="H43" s="85"/>
      <c r="I43" s="117"/>
      <c r="J43" s="118"/>
      <c r="K43" s="119"/>
    </row>
    <row r="44" spans="1:11" s="61" customFormat="1" ht="12" customHeight="1" x14ac:dyDescent="0.25">
      <c r="A44" s="86"/>
      <c r="B44" s="87"/>
      <c r="C44" s="87"/>
      <c r="D44" s="86"/>
      <c r="E44" s="86"/>
      <c r="F44" s="86"/>
      <c r="G44" s="86"/>
      <c r="H44" s="86"/>
      <c r="I44" s="88"/>
      <c r="J44" s="89"/>
      <c r="K44" s="88"/>
    </row>
    <row r="45" spans="1:11" s="49" customFormat="1" ht="30" customHeight="1" thickBot="1" x14ac:dyDescent="0.3">
      <c r="A45" s="179" t="s">
        <v>168</v>
      </c>
      <c r="B45" s="179"/>
      <c r="C45" s="179"/>
      <c r="D45" s="179"/>
      <c r="E45" s="179"/>
      <c r="F45" s="179"/>
      <c r="G45" s="179"/>
      <c r="H45" s="179"/>
      <c r="I45" s="179"/>
      <c r="J45" s="179"/>
      <c r="K45" s="179"/>
    </row>
    <row r="46" spans="1:11" s="50" customFormat="1" ht="15" customHeight="1" x14ac:dyDescent="0.25">
      <c r="A46" s="189" t="s">
        <v>24</v>
      </c>
      <c r="B46" s="191" t="s">
        <v>25</v>
      </c>
      <c r="C46" s="193" t="s">
        <v>26</v>
      </c>
      <c r="D46" s="195" t="s">
        <v>27</v>
      </c>
      <c r="E46" s="197" t="s">
        <v>28</v>
      </c>
      <c r="F46" s="180" t="s">
        <v>29</v>
      </c>
      <c r="G46" s="182" t="s">
        <v>30</v>
      </c>
      <c r="H46" s="184" t="s">
        <v>31</v>
      </c>
      <c r="I46" s="186" t="s">
        <v>32</v>
      </c>
      <c r="J46" s="187"/>
      <c r="K46" s="188"/>
    </row>
    <row r="47" spans="1:11" s="50" customFormat="1" ht="65.099999999999994" customHeight="1" x14ac:dyDescent="0.25">
      <c r="A47" s="190"/>
      <c r="B47" s="192"/>
      <c r="C47" s="194"/>
      <c r="D47" s="196"/>
      <c r="E47" s="198"/>
      <c r="F47" s="181"/>
      <c r="G47" s="183"/>
      <c r="H47" s="185"/>
      <c r="I47" s="107" t="s">
        <v>33</v>
      </c>
      <c r="J47" s="51" t="s">
        <v>34</v>
      </c>
      <c r="K47" s="52" t="s">
        <v>35</v>
      </c>
    </row>
    <row r="48" spans="1:11" s="61" customFormat="1" ht="12" customHeight="1" x14ac:dyDescent="0.25">
      <c r="A48" s="53" t="s">
        <v>5</v>
      </c>
      <c r="B48" s="54" t="s">
        <v>6</v>
      </c>
      <c r="C48" s="54" t="s">
        <v>7</v>
      </c>
      <c r="D48" s="55" t="s">
        <v>8</v>
      </c>
      <c r="E48" s="56" t="s">
        <v>10</v>
      </c>
      <c r="F48" s="55" t="s">
        <v>11</v>
      </c>
      <c r="G48" s="56" t="s">
        <v>12</v>
      </c>
      <c r="H48" s="57" t="s">
        <v>13</v>
      </c>
      <c r="I48" s="58" t="s">
        <v>14</v>
      </c>
      <c r="J48" s="59" t="s">
        <v>36</v>
      </c>
      <c r="K48" s="60" t="s">
        <v>37</v>
      </c>
    </row>
    <row r="49" spans="1:11" s="61" customFormat="1" ht="24.95" customHeight="1" x14ac:dyDescent="0.25">
      <c r="A49" s="62"/>
      <c r="B49" s="63"/>
      <c r="C49" s="64"/>
      <c r="D49" s="65"/>
      <c r="E49" s="66"/>
      <c r="F49" s="67"/>
      <c r="G49" s="68"/>
      <c r="H49" s="69"/>
      <c r="I49" s="111"/>
      <c r="J49" s="112"/>
      <c r="K49" s="113"/>
    </row>
    <row r="50" spans="1:11" s="61" customFormat="1" ht="24.95" customHeight="1" x14ac:dyDescent="0.25">
      <c r="A50" s="70"/>
      <c r="B50" s="71"/>
      <c r="C50" s="72"/>
      <c r="D50" s="73"/>
      <c r="E50" s="74"/>
      <c r="F50" s="75"/>
      <c r="G50" s="76"/>
      <c r="H50" s="77"/>
      <c r="I50" s="114"/>
      <c r="J50" s="115"/>
      <c r="K50" s="116"/>
    </row>
    <row r="51" spans="1:11" s="61" customFormat="1" ht="24.95" customHeight="1" thickBot="1" x14ac:dyDescent="0.3">
      <c r="A51" s="78"/>
      <c r="B51" s="79"/>
      <c r="C51" s="80"/>
      <c r="D51" s="81"/>
      <c r="E51" s="82"/>
      <c r="F51" s="83"/>
      <c r="G51" s="84"/>
      <c r="H51" s="85"/>
      <c r="I51" s="117"/>
      <c r="J51" s="118"/>
      <c r="K51" s="119"/>
    </row>
    <row r="52" spans="1:11" s="61" customFormat="1" ht="12" customHeight="1" x14ac:dyDescent="0.25">
      <c r="A52" s="86"/>
      <c r="B52" s="87"/>
      <c r="C52" s="87"/>
      <c r="D52" s="86"/>
      <c r="E52" s="86"/>
      <c r="F52" s="86"/>
      <c r="G52" s="86"/>
      <c r="H52" s="86"/>
      <c r="I52" s="88"/>
      <c r="J52" s="89"/>
      <c r="K52" s="88"/>
    </row>
    <row r="53" spans="1:11" s="61" customFormat="1" ht="24.95" customHeight="1" x14ac:dyDescent="0.25">
      <c r="A53" s="202" t="s">
        <v>169</v>
      </c>
      <c r="B53" s="202"/>
      <c r="C53" s="202"/>
      <c r="D53" s="202"/>
      <c r="E53" s="202"/>
      <c r="F53" s="202"/>
      <c r="G53" s="202"/>
      <c r="H53" s="202"/>
      <c r="I53" s="202"/>
      <c r="J53" s="202"/>
      <c r="K53" s="202"/>
    </row>
    <row r="55" spans="1:11" s="6" customFormat="1" ht="15" customHeight="1" x14ac:dyDescent="0.25">
      <c r="A55" s="6" t="s">
        <v>0</v>
      </c>
      <c r="B55" s="203" t="str">
        <f>IF('[1]Príloha č. 1'!B24:C24="","",'[1]Príloha č. 1'!B24:C24)</f>
        <v/>
      </c>
      <c r="C55" s="203"/>
    </row>
    <row r="56" spans="1:11" s="6" customFormat="1" ht="15" customHeight="1" x14ac:dyDescent="0.25">
      <c r="A56" s="6" t="s">
        <v>1</v>
      </c>
      <c r="B56" s="199" t="str">
        <f>IF('[1]Príloha č. 1'!B25:C25="","",'[1]Príloha č. 1'!B25:C25)</f>
        <v/>
      </c>
      <c r="C56" s="199"/>
    </row>
    <row r="57" spans="1:11" s="6" customFormat="1" x14ac:dyDescent="0.25">
      <c r="G57" s="120"/>
      <c r="H57" s="121" t="s">
        <v>52</v>
      </c>
      <c r="I57" s="101"/>
      <c r="J57" s="120"/>
    </row>
    <row r="58" spans="1:11" s="6" customFormat="1" ht="15" customHeight="1" x14ac:dyDescent="0.25">
      <c r="G58" s="122"/>
      <c r="H58" s="121" t="s">
        <v>53</v>
      </c>
      <c r="I58" s="171" t="str">
        <f>IF('[1]Príloha č. 1'!$D$29="","",'[1]Príloha č. 1'!$D$29)</f>
        <v/>
      </c>
      <c r="J58" s="171"/>
    </row>
    <row r="59" spans="1:11" s="6" customFormat="1" ht="16.5" customHeight="1" x14ac:dyDescent="0.25">
      <c r="G59" s="92"/>
      <c r="H59" s="92"/>
    </row>
    <row r="60" spans="1:11" s="16" customFormat="1" x14ac:dyDescent="0.25">
      <c r="A60" s="200" t="s">
        <v>2</v>
      </c>
      <c r="B60" s="200"/>
      <c r="E60" s="6"/>
    </row>
    <row r="61" spans="1:11" s="19" customFormat="1" ht="15" customHeight="1" x14ac:dyDescent="0.25">
      <c r="A61" s="17"/>
      <c r="B61" s="201" t="s">
        <v>4</v>
      </c>
      <c r="C61" s="201"/>
      <c r="D61" s="18"/>
      <c r="E61" s="6"/>
    </row>
    <row r="62" spans="1:11" ht="41.25" customHeight="1" x14ac:dyDescent="0.25"/>
  </sheetData>
  <mergeCells count="70">
    <mergeCell ref="B56:C56"/>
    <mergeCell ref="I58:J58"/>
    <mergeCell ref="A60:B60"/>
    <mergeCell ref="B61:C61"/>
    <mergeCell ref="F46:F47"/>
    <mergeCell ref="G46:G47"/>
    <mergeCell ref="H46:H47"/>
    <mergeCell ref="I46:K46"/>
    <mergeCell ref="A53:K53"/>
    <mergeCell ref="B55:C55"/>
    <mergeCell ref="A46:A47"/>
    <mergeCell ref="B46:B47"/>
    <mergeCell ref="C46:C47"/>
    <mergeCell ref="D46:D47"/>
    <mergeCell ref="E46:E47"/>
    <mergeCell ref="F38:F39"/>
    <mergeCell ref="G38:G39"/>
    <mergeCell ref="H38:H39"/>
    <mergeCell ref="I38:K38"/>
    <mergeCell ref="A45:K45"/>
    <mergeCell ref="A38:A39"/>
    <mergeCell ref="B38:B39"/>
    <mergeCell ref="C38:C39"/>
    <mergeCell ref="D38:D39"/>
    <mergeCell ref="E38:E39"/>
    <mergeCell ref="F30:F31"/>
    <mergeCell ref="G30:G31"/>
    <mergeCell ref="H30:H31"/>
    <mergeCell ref="I30:K30"/>
    <mergeCell ref="A37:K37"/>
    <mergeCell ref="A30:A31"/>
    <mergeCell ref="B30:B31"/>
    <mergeCell ref="C30:C31"/>
    <mergeCell ref="D30:D31"/>
    <mergeCell ref="E30:E31"/>
    <mergeCell ref="F22:F23"/>
    <mergeCell ref="G22:G23"/>
    <mergeCell ref="H22:H23"/>
    <mergeCell ref="I22:K22"/>
    <mergeCell ref="A29:K29"/>
    <mergeCell ref="A22:A23"/>
    <mergeCell ref="B22:B23"/>
    <mergeCell ref="C22:C23"/>
    <mergeCell ref="D22:D23"/>
    <mergeCell ref="E22:E23"/>
    <mergeCell ref="F14:F15"/>
    <mergeCell ref="G14:G15"/>
    <mergeCell ref="H14:H15"/>
    <mergeCell ref="I14:K14"/>
    <mergeCell ref="A21:K21"/>
    <mergeCell ref="A14:A15"/>
    <mergeCell ref="B14:B15"/>
    <mergeCell ref="C14:C15"/>
    <mergeCell ref="D14:D15"/>
    <mergeCell ref="E14:E15"/>
    <mergeCell ref="F6:F7"/>
    <mergeCell ref="G6:G7"/>
    <mergeCell ref="H6:H7"/>
    <mergeCell ref="I6:K6"/>
    <mergeCell ref="A13:K13"/>
    <mergeCell ref="A6:A7"/>
    <mergeCell ref="B6:B7"/>
    <mergeCell ref="C6:C7"/>
    <mergeCell ref="D6:D7"/>
    <mergeCell ref="E6:E7"/>
    <mergeCell ref="A1:B1"/>
    <mergeCell ref="A2:L2"/>
    <mergeCell ref="A3:E3"/>
    <mergeCell ref="A4:K4"/>
    <mergeCell ref="A5:K5"/>
  </mergeCells>
  <conditionalFormatting sqref="B55:C56">
    <cfRule type="containsBlanks" dxfId="12" priority="2">
      <formula>LEN(TRIM(B55))=0</formula>
    </cfRule>
  </conditionalFormatting>
  <conditionalFormatting sqref="I58:J58">
    <cfRule type="containsBlanks" dxfId="11" priority="1">
      <formula>LEN(TRIM(I5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3" manualBreakCount="3">
    <brk id="20" max="10" man="1"/>
    <brk id="36" max="10" man="1"/>
    <brk id="59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B7" sqref="B7:F7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5" t="s">
        <v>3</v>
      </c>
      <c r="B1" s="206"/>
      <c r="C1" s="7"/>
      <c r="D1" s="7"/>
      <c r="E1" s="7"/>
      <c r="F1" s="7"/>
    </row>
    <row r="2" spans="1:13" ht="15" customHeight="1" x14ac:dyDescent="0.2">
      <c r="A2" s="176" t="s">
        <v>170</v>
      </c>
      <c r="B2" s="176"/>
      <c r="C2" s="176"/>
      <c r="D2" s="176"/>
      <c r="E2" s="176"/>
      <c r="F2" s="176"/>
      <c r="G2" s="176"/>
      <c r="H2" s="176"/>
      <c r="I2" s="176"/>
      <c r="J2" s="176"/>
      <c r="K2" s="176"/>
      <c r="L2" s="176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54</v>
      </c>
      <c r="B4" s="208"/>
      <c r="C4" s="208"/>
      <c r="D4" s="208"/>
      <c r="E4" s="208"/>
      <c r="F4" s="208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04" t="s">
        <v>55</v>
      </c>
      <c r="B6" s="204"/>
      <c r="C6" s="204"/>
      <c r="D6" s="204"/>
      <c r="E6" s="204"/>
      <c r="F6" s="20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04" t="s">
        <v>56</v>
      </c>
      <c r="C7" s="204"/>
      <c r="D7" s="204"/>
      <c r="E7" s="204"/>
      <c r="F7" s="204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04" t="s">
        <v>15</v>
      </c>
      <c r="C8" s="204"/>
      <c r="D8" s="204"/>
      <c r="E8" s="204"/>
      <c r="F8" s="204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04" t="s">
        <v>16</v>
      </c>
      <c r="C9" s="204"/>
      <c r="D9" s="204"/>
      <c r="E9" s="204"/>
      <c r="F9" s="204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04" t="s">
        <v>17</v>
      </c>
      <c r="C10" s="204"/>
      <c r="D10" s="204"/>
      <c r="E10" s="204"/>
      <c r="F10" s="204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05"/>
      <c r="B11" s="205"/>
      <c r="C11" s="205"/>
      <c r="D11" s="205"/>
      <c r="E11" s="205"/>
      <c r="F11" s="205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123" t="s">
        <v>5</v>
      </c>
      <c r="B13" s="124" t="s">
        <v>6</v>
      </c>
      <c r="C13" s="124" t="s">
        <v>7</v>
      </c>
      <c r="D13" s="124" t="s">
        <v>8</v>
      </c>
      <c r="E13" s="124" t="s">
        <v>10</v>
      </c>
      <c r="F13" s="125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11"/>
      <c r="B20" s="211"/>
      <c r="C20" s="211"/>
      <c r="D20" s="211"/>
      <c r="E20" s="211"/>
      <c r="F20" s="211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203"/>
      <c r="C22" s="203"/>
    </row>
    <row r="23" spans="1:7" s="6" customFormat="1" ht="15" customHeight="1" x14ac:dyDescent="0.25">
      <c r="A23" s="6" t="s">
        <v>1</v>
      </c>
      <c r="B23" s="203"/>
      <c r="C23" s="203"/>
    </row>
    <row r="24" spans="1:7" s="6" customFormat="1" ht="15" x14ac:dyDescent="0.25"/>
    <row r="25" spans="1:7" s="6" customFormat="1" ht="15" customHeight="1" x14ac:dyDescent="0.25">
      <c r="C25" s="120"/>
      <c r="D25" s="121" t="s">
        <v>52</v>
      </c>
      <c r="E25" s="101"/>
      <c r="F25" s="120"/>
    </row>
    <row r="26" spans="1:7" ht="15" customHeight="1" x14ac:dyDescent="0.2">
      <c r="C26" s="122"/>
      <c r="D26" s="121" t="s">
        <v>53</v>
      </c>
      <c r="E26" s="171"/>
      <c r="F26" s="171"/>
    </row>
    <row r="27" spans="1:7" s="13" customFormat="1" x14ac:dyDescent="0.2">
      <c r="A27" s="212" t="s">
        <v>2</v>
      </c>
      <c r="B27" s="212"/>
    </row>
    <row r="28" spans="1:7" s="15" customFormat="1" ht="12" customHeight="1" x14ac:dyDescent="0.2">
      <c r="A28" s="126"/>
      <c r="B28" s="209" t="s">
        <v>4</v>
      </c>
      <c r="C28" s="210"/>
      <c r="D28" s="210"/>
      <c r="E28" s="210"/>
      <c r="F28" s="210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0" priority="2">
      <formula>LEN(TRIM(B22))=0</formula>
    </cfRule>
  </conditionalFormatting>
  <conditionalFormatting sqref="E26:F26">
    <cfRule type="containsBlanks" dxfId="9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5-13T07:59:50Z</dcterms:modified>
</cp:coreProperties>
</file>